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filterPrivacy="1" defaultThemeVersion="124226"/>
  <xr:revisionPtr revIDLastSave="0" documentId="13_ncr:1_{A8EB703F-C42F-478A-82AC-468E3FCC9E6C}" xr6:coauthVersionLast="47" xr6:coauthVersionMax="47" xr10:uidLastSave="{00000000-0000-0000-0000-000000000000}"/>
  <bookViews>
    <workbookView xWindow="-110" yWindow="-110" windowWidth="19420" windowHeight="10300" xr2:uid="{00000000-000D-0000-FFFF-FFFF00000000}"/>
  </bookViews>
  <sheets>
    <sheet name="外郭" sheetId="3"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s>
  <definedNames>
    <definedName name="◆OB規定整備">[1]入力リスト!$K$51:$K$52</definedName>
    <definedName name="◆OB就任状況">[1]入力リスト!$M$51:$M$52</definedName>
    <definedName name="◆規定整備">[1]入力リスト!$J$51:$J$52</definedName>
    <definedName name="◆支給について">[2]入力リスト!#REF!</definedName>
    <definedName name="◆実質支給">[1]入力リスト!$L$51:$L$52</definedName>
    <definedName name="MMM">[3]入力リスト!$D$21:$D$22</definedName>
    <definedName name="p">[3]入力リスト!$D$21:$D$22</definedName>
    <definedName name="_xlnm.Print_Area" localSheetId="0">外郭!$A$1:$E$17</definedName>
    <definedName name="あ">[4]入力リスト!$G$42:$M$42</definedName>
    <definedName name="こども青少年局">#REF!</definedName>
    <definedName name="さ">[5]入力リスト!$D$43:$D$44</definedName>
    <definedName name="だ">[5]入力リスト!$B$43:$B$44</definedName>
    <definedName name="ゆとりとみどり振興局">#REF!</definedName>
    <definedName name="環境局">#REF!</definedName>
    <definedName name="教育委員会事務局">#REF!</definedName>
    <definedName name="契約管財局">#REF!</definedName>
    <definedName name="経済局">#REF!</definedName>
    <definedName name="計画調整局">#REF!</definedName>
    <definedName name="健康福祉局">#REF!</definedName>
    <definedName name="建設局">#REF!</definedName>
    <definedName name="交通局">#REF!</definedName>
    <definedName name="港湾局">#REF!</definedName>
    <definedName name="市民局">#REF!</definedName>
    <definedName name="出身母体">[2]入力リスト!$G$42:$M$42</definedName>
    <definedName name="出身母体等">[6]入力リスト!$G$42:$M$42</definedName>
    <definedName name="所属名">[2]入力リスト!$B$2:$Q$2</definedName>
    <definedName name="消防局">#REF!</definedName>
    <definedName name="常勤・非常勤">[2]入力リスト!$D$43:$D$44</definedName>
    <definedName name="人事監察委員会の認可">[7]入力リスト!$N$30:$N$31</definedName>
    <definedName name="水道局">#REF!</definedName>
    <definedName name="政策企画室">#REF!</definedName>
    <definedName name="退職">[8]入力リスト!$O$21:$O$22</definedName>
    <definedName name="退職金">[2]入力リスト!$O$43:$O$44</definedName>
    <definedName name="退職金２">[9]入力リスト!$O$43:$O$44</definedName>
    <definedName name="団体データ">[10]入力リスト!$C$43:$H$160</definedName>
    <definedName name="都市整備局">#REF!</definedName>
    <definedName name="役員">[11]入力リスト!$B$43:$B$44</definedName>
    <definedName name="役員区分">[2]入力リスト!$B$43:$B$44</definedName>
    <definedName name="役員名簿">[12]入力リスト!$B$43:$B$4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8" uniqueCount="44">
  <si>
    <t>監査役</t>
    <phoneticPr fontId="3"/>
  </si>
  <si>
    <t>大阪市住宅供給公社</t>
  </si>
  <si>
    <t>理事長</t>
    <rPh sb="0" eb="3">
      <t>リジチョウ</t>
    </rPh>
    <phoneticPr fontId="5"/>
  </si>
  <si>
    <t>専務取締役</t>
    <rPh sb="0" eb="2">
      <t>センム</t>
    </rPh>
    <rPh sb="2" eb="5">
      <t>トリシマリヤク</t>
    </rPh>
    <phoneticPr fontId="5"/>
  </si>
  <si>
    <t>代表理事</t>
    <rPh sb="0" eb="2">
      <t>ダイヒョウ</t>
    </rPh>
    <rPh sb="2" eb="4">
      <t>リジ</t>
    </rPh>
    <phoneticPr fontId="5"/>
  </si>
  <si>
    <t>(社福)大阪社会医療センター</t>
  </si>
  <si>
    <t>理事長</t>
    <rPh sb="0" eb="2">
      <t>リジ</t>
    </rPh>
    <rPh sb="2" eb="3">
      <t>オサ</t>
    </rPh>
    <phoneticPr fontId="5"/>
  </si>
  <si>
    <t>項番</t>
    <rPh sb="0" eb="2">
      <t>コウバン</t>
    </rPh>
    <phoneticPr fontId="3"/>
  </si>
  <si>
    <t>団体名</t>
    <rPh sb="0" eb="2">
      <t>ダンタイ</t>
    </rPh>
    <rPh sb="2" eb="3">
      <t>メイ</t>
    </rPh>
    <phoneticPr fontId="4"/>
  </si>
  <si>
    <t>アジア太平洋トレードセンター(株)</t>
    <phoneticPr fontId="3"/>
  </si>
  <si>
    <t>専務取締役</t>
    <rPh sb="0" eb="2">
      <t>センム</t>
    </rPh>
    <rPh sb="2" eb="5">
      <t>トリシマリヤク</t>
    </rPh>
    <phoneticPr fontId="2"/>
  </si>
  <si>
    <t>(株)湊町開発センター</t>
    <phoneticPr fontId="3"/>
  </si>
  <si>
    <t>クリアウォーターOSAKA(株)</t>
    <phoneticPr fontId="3"/>
  </si>
  <si>
    <t>クリスタ長堀(株)</t>
    <phoneticPr fontId="3"/>
  </si>
  <si>
    <t>(公財)大阪国際平和センター</t>
    <phoneticPr fontId="3"/>
  </si>
  <si>
    <t>阪神国際港湾(株)</t>
    <phoneticPr fontId="3"/>
  </si>
  <si>
    <t>大阪市高速電気軌道(株)</t>
    <phoneticPr fontId="3"/>
  </si>
  <si>
    <t>(株)大阪水道総合サービス</t>
    <rPh sb="3" eb="5">
      <t>オオサカ</t>
    </rPh>
    <rPh sb="5" eb="7">
      <t>スイドウ</t>
    </rPh>
    <rPh sb="7" eb="9">
      <t>ソウゴウ</t>
    </rPh>
    <phoneticPr fontId="3"/>
  </si>
  <si>
    <t>代表取締役</t>
    <rPh sb="0" eb="2">
      <t>ダイヒョウ</t>
    </rPh>
    <rPh sb="2" eb="5">
      <t>トリシマリヤク</t>
    </rPh>
    <phoneticPr fontId="5"/>
  </si>
  <si>
    <t>団体における役職名</t>
    <rPh sb="0" eb="2">
      <t>ダンタイ</t>
    </rPh>
    <rPh sb="6" eb="8">
      <t>ヤクショク</t>
    </rPh>
    <rPh sb="8" eb="9">
      <t>メイ</t>
    </rPh>
    <phoneticPr fontId="4"/>
  </si>
  <si>
    <t>本市離職時の補職名</t>
    <rPh sb="0" eb="2">
      <t>ホンシ</t>
    </rPh>
    <rPh sb="2" eb="4">
      <t>リショク</t>
    </rPh>
    <rPh sb="4" eb="5">
      <t>ジ</t>
    </rPh>
    <phoneticPr fontId="3"/>
  </si>
  <si>
    <t>財政局なんば市税事務所長</t>
    <phoneticPr fontId="3"/>
  </si>
  <si>
    <t>(注１)</t>
    <rPh sb="1" eb="2">
      <t>チュウ</t>
    </rPh>
    <phoneticPr fontId="3"/>
  </si>
  <si>
    <t>大阪市の監理対象団体における大阪市退職者の採用等に関する指針を定める規程第６条第１項第１号及び第２号に該当する者は含まない。</t>
    <rPh sb="57" eb="58">
      <t>フク</t>
    </rPh>
    <phoneticPr fontId="3"/>
  </si>
  <si>
    <t>(注２)</t>
    <rPh sb="1" eb="2">
      <t>チュウ</t>
    </rPh>
    <phoneticPr fontId="3"/>
  </si>
  <si>
    <t>「新規就任」には、再任した者も含む。</t>
    <rPh sb="1" eb="3">
      <t>シンキ</t>
    </rPh>
    <rPh sb="3" eb="5">
      <t>シュウニン</t>
    </rPh>
    <rPh sb="9" eb="11">
      <t>サイニン</t>
    </rPh>
    <rPh sb="13" eb="14">
      <t>モノ</t>
    </rPh>
    <rPh sb="15" eb="16">
      <t>フク</t>
    </rPh>
    <phoneticPr fontId="3"/>
  </si>
  <si>
    <t>役員への就任状況（外郭団体）</t>
    <rPh sb="4" eb="8">
      <t>シュウニンジョウキョウ</t>
    </rPh>
    <rPh sb="9" eb="13">
      <t>ガイカクダンタイ</t>
    </rPh>
    <phoneticPr fontId="4"/>
  </si>
  <si>
    <t>中央卸売市場長</t>
    <rPh sb="0" eb="2">
      <t>チュウオウ</t>
    </rPh>
    <rPh sb="2" eb="6">
      <t>オロシウリシジョウ</t>
    </rPh>
    <rPh sb="6" eb="7">
      <t>チョウ</t>
    </rPh>
    <phoneticPr fontId="3"/>
  </si>
  <si>
    <t>総務局長</t>
    <rPh sb="0" eb="2">
      <t>ソウム</t>
    </rPh>
    <phoneticPr fontId="3"/>
  </si>
  <si>
    <t>水道局理事</t>
    <rPh sb="3" eb="5">
      <t>リジ</t>
    </rPh>
    <phoneticPr fontId="3"/>
  </si>
  <si>
    <t>取締役総務部長兼総務課長</t>
    <rPh sb="0" eb="3">
      <t>トリシマリヤク</t>
    </rPh>
    <rPh sb="3" eb="5">
      <t>ソウム</t>
    </rPh>
    <rPh sb="5" eb="7">
      <t>ブチョウ</t>
    </rPh>
    <rPh sb="7" eb="8">
      <t>ケン</t>
    </rPh>
    <rPh sb="8" eb="12">
      <t>ソウムカチョウ</t>
    </rPh>
    <phoneticPr fontId="5"/>
  </si>
  <si>
    <t>経済戦略局理事</t>
    <rPh sb="0" eb="4">
      <t>ケイザイセンリャク</t>
    </rPh>
    <phoneticPr fontId="3"/>
  </si>
  <si>
    <t>大阪港湾局長</t>
    <rPh sb="0" eb="2">
      <t>オオサカ</t>
    </rPh>
    <phoneticPr fontId="3"/>
  </si>
  <si>
    <t>中央卸売市場長</t>
    <phoneticPr fontId="3"/>
  </si>
  <si>
    <t>大阪市立大学医学部附属病院
副院長</t>
    <rPh sb="6" eb="13">
      <t>イガクブフゾクビョウイン</t>
    </rPh>
    <rPh sb="14" eb="17">
      <t>フクインチョウ</t>
    </rPh>
    <phoneticPr fontId="3"/>
  </si>
  <si>
    <t>代表取締役副社長</t>
    <rPh sb="0" eb="2">
      <t>ダイヒョウ</t>
    </rPh>
    <phoneticPr fontId="5"/>
  </si>
  <si>
    <t>○</t>
    <phoneticPr fontId="3"/>
  </si>
  <si>
    <t>大阪シティバス（株）</t>
    <rPh sb="0" eb="2">
      <t>オオサカ</t>
    </rPh>
    <rPh sb="8" eb="9">
      <t>カブ</t>
    </rPh>
    <phoneticPr fontId="3"/>
  </si>
  <si>
    <t>代表取締役社長</t>
    <rPh sb="0" eb="7">
      <t>ダイヒョウトリシマリヤクシャチョウ</t>
    </rPh>
    <phoneticPr fontId="3"/>
  </si>
  <si>
    <t>交通局鉄道事業本部運輸部長</t>
    <rPh sb="0" eb="3">
      <t>コウツウキョク</t>
    </rPh>
    <rPh sb="3" eb="9">
      <t>テツドウジギョウホンブ</t>
    </rPh>
    <rPh sb="9" eb="11">
      <t>ウンユ</t>
    </rPh>
    <rPh sb="11" eb="13">
      <t>ブチョウ</t>
    </rPh>
    <phoneticPr fontId="3"/>
  </si>
  <si>
    <r>
      <t xml:space="preserve">新規就任
</t>
    </r>
    <r>
      <rPr>
        <sz val="8"/>
        <rFont val="Meiryo UI"/>
        <family val="3"/>
        <charset val="128"/>
      </rPr>
      <t>【令和７年度】</t>
    </r>
    <rPh sb="0" eb="2">
      <t>シンキ</t>
    </rPh>
    <rPh sb="2" eb="4">
      <t>シュウニン</t>
    </rPh>
    <phoneticPr fontId="3"/>
  </si>
  <si>
    <t>教育監</t>
    <rPh sb="0" eb="2">
      <t>キョウイク</t>
    </rPh>
    <rPh sb="2" eb="3">
      <t>カン</t>
    </rPh>
    <phoneticPr fontId="3"/>
  </si>
  <si>
    <t>(令和７年７月１日現在）</t>
    <rPh sb="1" eb="3">
      <t>レイワ</t>
    </rPh>
    <rPh sb="4" eb="5">
      <t>ネン</t>
    </rPh>
    <rPh sb="6" eb="7">
      <t>ガツ</t>
    </rPh>
    <rPh sb="8" eb="9">
      <t>ニチ</t>
    </rPh>
    <rPh sb="9" eb="11">
      <t>ゲンザイ</t>
    </rPh>
    <phoneticPr fontId="3"/>
  </si>
  <si>
    <t>常務取締役兼総務部長</t>
    <rPh sb="0" eb="5">
      <t>ジョウムトリシマリヤク</t>
    </rPh>
    <rPh sb="5" eb="6">
      <t>ケン</t>
    </rPh>
    <rPh sb="6" eb="10">
      <t>ソウムブチョ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16" x14ac:knownFonts="1">
    <font>
      <sz val="11"/>
      <color theme="1"/>
      <name val="ＭＳ Ｐゴシック"/>
      <family val="2"/>
      <scheme val="minor"/>
    </font>
    <font>
      <sz val="11"/>
      <name val="ＭＳ Ｐゴシック"/>
      <family val="3"/>
      <charset val="128"/>
    </font>
    <font>
      <sz val="11"/>
      <name val="ＭＳ 明朝"/>
      <family val="1"/>
      <charset val="128"/>
    </font>
    <font>
      <sz val="6"/>
      <name val="ＭＳ Ｐゴシック"/>
      <family val="3"/>
      <charset val="128"/>
      <scheme val="minor"/>
    </font>
    <font>
      <sz val="6"/>
      <name val="ＭＳ Ｐゴシック"/>
      <family val="3"/>
      <charset val="128"/>
    </font>
    <font>
      <sz val="10"/>
      <name val="ＭＳ 明朝"/>
      <family val="1"/>
      <charset val="128"/>
    </font>
    <font>
      <sz val="10"/>
      <name val="Century"/>
      <family val="1"/>
    </font>
    <font>
      <sz val="10"/>
      <color theme="1"/>
      <name val="Century"/>
      <family val="1"/>
    </font>
    <font>
      <sz val="11"/>
      <name val="Meiryo UI"/>
      <family val="3"/>
      <charset val="128"/>
    </font>
    <font>
      <sz val="9"/>
      <name val="Meiryo UI"/>
      <family val="3"/>
      <charset val="128"/>
    </font>
    <font>
      <sz val="10"/>
      <name val="Meiryo UI"/>
      <family val="3"/>
      <charset val="128"/>
    </font>
    <font>
      <sz val="9"/>
      <color theme="1"/>
      <name val="Meiryo UI"/>
      <family val="3"/>
      <charset val="128"/>
    </font>
    <font>
      <sz val="8"/>
      <name val="Meiryo UI"/>
      <family val="3"/>
      <charset val="128"/>
    </font>
    <font>
      <sz val="10"/>
      <color theme="1"/>
      <name val="ＭＳ Ｐ明朝"/>
      <family val="1"/>
      <charset val="128"/>
    </font>
    <font>
      <sz val="6"/>
      <name val="Meiryo UI"/>
      <family val="3"/>
      <charset val="128"/>
    </font>
    <font>
      <sz val="8"/>
      <color theme="1"/>
      <name val="Meiryo UI"/>
      <family val="3"/>
      <charset val="128"/>
    </font>
  </fonts>
  <fills count="3">
    <fill>
      <patternFill patternType="none"/>
    </fill>
    <fill>
      <patternFill patternType="gray125"/>
    </fill>
    <fill>
      <patternFill patternType="solid">
        <fgColor theme="0" tint="-0.14999847407452621"/>
        <bgColor indexed="64"/>
      </patternFill>
    </fill>
  </fills>
  <borders count="6">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5">
    <xf numFmtId="0" fontId="0" fillId="0" borderId="0"/>
    <xf numFmtId="0" fontId="1" fillId="0" borderId="0"/>
    <xf numFmtId="0" fontId="1" fillId="0" borderId="0">
      <alignment vertical="center"/>
    </xf>
    <xf numFmtId="0" fontId="1" fillId="0" borderId="0"/>
    <xf numFmtId="0" fontId="1" fillId="0" borderId="0">
      <alignment vertical="center"/>
    </xf>
  </cellStyleXfs>
  <cellXfs count="32">
    <xf numFmtId="0" fontId="0" fillId="0" borderId="0" xfId="0"/>
    <xf numFmtId="0" fontId="6" fillId="0" borderId="0" xfId="0" applyFont="1" applyFill="1" applyAlignment="1">
      <alignment vertical="center"/>
    </xf>
    <xf numFmtId="0" fontId="7" fillId="0" borderId="0" xfId="0" applyFont="1"/>
    <xf numFmtId="0" fontId="6" fillId="0" borderId="0" xfId="0" applyFont="1" applyAlignment="1">
      <alignment horizontal="center" vertical="center"/>
    </xf>
    <xf numFmtId="0" fontId="6" fillId="0" borderId="0" xfId="0" applyFont="1" applyAlignment="1">
      <alignment vertical="center"/>
    </xf>
    <xf numFmtId="0" fontId="10" fillId="2" borderId="2" xfId="0" applyFont="1" applyFill="1" applyBorder="1" applyAlignment="1">
      <alignment horizontal="center" vertical="center" shrinkToFit="1"/>
    </xf>
    <xf numFmtId="0" fontId="10" fillId="2" borderId="2" xfId="2" applyFont="1" applyFill="1" applyBorder="1" applyAlignment="1">
      <alignment horizontal="center" vertical="center" shrinkToFit="1"/>
    </xf>
    <xf numFmtId="0" fontId="10" fillId="2" borderId="2" xfId="3" applyFont="1" applyFill="1" applyBorder="1" applyAlignment="1">
      <alignment horizontal="center" vertical="center" shrinkToFit="1"/>
    </xf>
    <xf numFmtId="0" fontId="10" fillId="2" borderId="2" xfId="0" applyFont="1" applyFill="1" applyBorder="1" applyAlignment="1">
      <alignment horizontal="center" vertical="center" wrapText="1"/>
    </xf>
    <xf numFmtId="0" fontId="9" fillId="0" borderId="2" xfId="0" applyFont="1" applyBorder="1" applyAlignment="1">
      <alignment horizontal="center" vertical="center" shrinkToFit="1"/>
    </xf>
    <xf numFmtId="0" fontId="9" fillId="0" borderId="2" xfId="0" applyFont="1" applyBorder="1" applyAlignment="1">
      <alignment vertical="center" shrinkToFit="1"/>
    </xf>
    <xf numFmtId="0" fontId="9" fillId="0" borderId="2" xfId="0" applyFont="1" applyBorder="1" applyAlignment="1">
      <alignment horizontal="left" vertical="center" shrinkToFit="1"/>
    </xf>
    <xf numFmtId="0" fontId="9" fillId="0" borderId="2" xfId="0" applyFont="1" applyFill="1" applyBorder="1" applyAlignment="1">
      <alignment horizontal="left" vertical="center" shrinkToFit="1"/>
    </xf>
    <xf numFmtId="0" fontId="8" fillId="0" borderId="1" xfId="1" applyFont="1" applyFill="1" applyBorder="1" applyAlignment="1">
      <alignment horizontal="center" vertical="center"/>
    </xf>
    <xf numFmtId="0" fontId="14" fillId="0" borderId="0" xfId="0" applyFont="1" applyBorder="1" applyAlignment="1">
      <alignment vertical="center" wrapText="1"/>
    </xf>
    <xf numFmtId="0" fontId="9" fillId="0" borderId="4" xfId="0" applyFont="1" applyBorder="1" applyAlignment="1">
      <alignment horizontal="left" vertical="center" shrinkToFit="1"/>
    </xf>
    <xf numFmtId="0" fontId="9" fillId="0" borderId="3" xfId="0" applyFont="1" applyBorder="1" applyAlignment="1">
      <alignment horizontal="center" vertical="center" shrinkToFit="1"/>
    </xf>
    <xf numFmtId="0" fontId="9" fillId="0" borderId="3" xfId="0" applyFont="1" applyFill="1" applyBorder="1" applyAlignment="1">
      <alignment horizontal="left" vertical="center" shrinkToFit="1"/>
    </xf>
    <xf numFmtId="0" fontId="9" fillId="0" borderId="3" xfId="0" applyFont="1" applyFill="1" applyBorder="1" applyAlignment="1">
      <alignment horizontal="center" vertical="center" shrinkToFit="1"/>
    </xf>
    <xf numFmtId="176" fontId="11" fillId="0" borderId="3" xfId="0" applyNumberFormat="1" applyFont="1" applyFill="1" applyBorder="1" applyAlignment="1">
      <alignment horizontal="center" vertical="center"/>
    </xf>
    <xf numFmtId="0" fontId="15" fillId="0" borderId="3" xfId="0" applyFont="1" applyBorder="1" applyAlignment="1">
      <alignment horizontal="right" vertical="top"/>
    </xf>
    <xf numFmtId="0" fontId="9" fillId="0" borderId="4" xfId="0" applyFont="1" applyBorder="1" applyAlignment="1">
      <alignment vertical="center" shrinkToFit="1"/>
    </xf>
    <xf numFmtId="0" fontId="9" fillId="0" borderId="2" xfId="0" applyFont="1" applyFill="1" applyBorder="1" applyAlignment="1">
      <alignment horizontal="center" vertical="center" shrinkToFit="1"/>
    </xf>
    <xf numFmtId="176" fontId="9" fillId="0" borderId="2" xfId="0" applyNumberFormat="1" applyFont="1" applyFill="1" applyBorder="1" applyAlignment="1">
      <alignment horizontal="center" vertical="center"/>
    </xf>
    <xf numFmtId="0" fontId="13" fillId="0" borderId="2" xfId="0" applyFont="1" applyFill="1" applyBorder="1" applyAlignment="1">
      <alignment horizontal="center" vertical="center"/>
    </xf>
    <xf numFmtId="176" fontId="9" fillId="0" borderId="2" xfId="0" applyNumberFormat="1" applyFont="1" applyFill="1" applyBorder="1" applyAlignment="1">
      <alignment horizontal="center" vertical="center" wrapText="1"/>
    </xf>
    <xf numFmtId="176" fontId="11" fillId="0" borderId="2" xfId="0" applyNumberFormat="1" applyFont="1" applyFill="1" applyBorder="1" applyAlignment="1">
      <alignment horizontal="center" vertical="center"/>
    </xf>
    <xf numFmtId="0" fontId="9" fillId="0" borderId="4" xfId="0" applyFont="1" applyBorder="1" applyAlignment="1">
      <alignment horizontal="left" vertical="center" shrinkToFit="1"/>
    </xf>
    <xf numFmtId="0" fontId="9" fillId="0" borderId="5" xfId="0" applyFont="1" applyBorder="1" applyAlignment="1">
      <alignment vertical="center" shrinkToFit="1"/>
    </xf>
    <xf numFmtId="0" fontId="12" fillId="0" borderId="0" xfId="0" applyFont="1" applyBorder="1" applyAlignment="1">
      <alignment horizontal="left" vertical="center" wrapText="1"/>
    </xf>
    <xf numFmtId="0" fontId="12" fillId="0" borderId="0" xfId="0" applyFont="1" applyAlignment="1">
      <alignment horizontal="left" vertical="center"/>
    </xf>
    <xf numFmtId="0" fontId="8" fillId="0" borderId="0" xfId="1" applyFont="1" applyFill="1" applyBorder="1" applyAlignment="1">
      <alignment horizontal="center" vertical="center"/>
    </xf>
  </cellXfs>
  <cellStyles count="5">
    <cellStyle name="標準" xfId="0" builtinId="0"/>
    <cellStyle name="標準 2" xfId="4" xr:uid="{00000000-0005-0000-0000-000001000000}"/>
    <cellStyle name="標準 3 2" xfId="1" xr:uid="{00000000-0005-0000-0000-000002000000}"/>
    <cellStyle name="標準_Sheet1" xfId="3" xr:uid="{00000000-0005-0000-0000-000003000000}"/>
    <cellStyle name="標準_資料5集計" xfId="2" xr:uid="{00000000-0005-0000-0000-000004000000}"/>
  </cellStyles>
  <dxfs count="0"/>
  <tableStyles count="0" defaultTableStyle="TableStyleMedium2" defaultPivotStyle="PivotStyleMedium9"/>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2" Type="http://schemas.openxmlformats.org/officeDocument/2006/relationships/externalLink" Target="externalLinks/externalLink1.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5" Type="http://schemas.openxmlformats.org/officeDocument/2006/relationships/externalLink" Target="externalLinks/externalLink4.xml"/><Relationship Id="rId15" Type="http://schemas.openxmlformats.org/officeDocument/2006/relationships/styles" Target="styles.xml"/><Relationship Id="rId10" Type="http://schemas.openxmlformats.org/officeDocument/2006/relationships/externalLink" Target="externalLinks/externalLink9.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9734;&#9733;&#9733;&#9733;&#30435;&#29702;&#36039;&#26009;\H23&#30435;&#29702;&#36039;&#26009;\&#24441;&#32887;&#21729;&#29366;&#27841;&#36039;&#26009;&#29031;&#20250;\03&#22238;&#31572;\&#25552;&#20986;&#26178;&#30906;&#35469;\101&#22269;&#27969;.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C:\Users\i9850660\Desktop\201&#30435;&#29702;&#36039;&#26009;&#65288;&#36039;&#26009;1&#65374;4&#65289;(&#20316;&#25104;&#20013;&#65289;.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VS-JYOTO\soumu\Documents%20and%20Settings\&#22478;&#26481;&#21306;&#31038;&#31119;&#21332;\My%20Documents\&#65298;&#65299;&#30435;&#29702;&#36039;&#26009;\&#25552;&#20986;&#29992;&#12288;04%20&#24441;&#32887;&#21729;&#29366;&#27841;&#36039;&#26009;&#65288;&#36039;&#26009;&#12450;&#65374;&#12456;&#65289;&#12304;&#21306;&#31038;&#21332;&#12305;.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Documents%20and%20Settings\i9452622\Local%20Settings\Temporary%20Internet%20Files\OLKD\&#29031;&#20250;&#12539;&#22238;&#31572;&#38306;&#20418;&#65288;H21&#65374;&#65289;\H21.6.30&#22806;&#37101;&#22243;&#20307;&#31561;&#12395;&#38306;&#12377;&#12427;&#30435;&#29702;&#36039;&#26009;&#31561;&#12398;&#25552;&#20986;\H21.8.7&#12304;&#35330;&#27491;&#29256;&#12305;&#30435;&#29702;&#36039;&#26009;&#65288;&#36039;&#26009;5&#65374;7&#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9734;&#9733;&#9733;&#9733;&#30435;&#29702;&#36039;&#26009;\H22&#30435;&#29702;&#36039;&#26009;\&#22238;&#31572;\&#36039;&#26009;5&#65374;6\101&#22269;&#2796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03%20&#32076;&#28168;&#25126;&#30053;&#23616;&#65288;&#35519;&#36948;&#12539;&#36001;&#29987;&#31649;&#29702;&#12539;&#22243;&#20307;&#30435;&#29702;&#65289;\03%20&#22243;&#20307;&#30435;&#29702;\&#9632;02&#12288;&#32207;&#21209;&#23616;\2001&#12288;&#30435;&#29702;&#36039;&#26009;&#12539;&#32076;&#21942;&#29366;&#27841;&#12471;&#12540;&#12488;\&#24179;&#25104;26&#24180;&#24230;\04&#30435;&#29702;&#36039;&#26009;&#65288;&#22806;&#37101;&#12539;&#24441;&#32887;&#21729;&#29366;&#27841;&#65289;\&#9650;&#21508;&#35506;&#22238;&#31572;\01&#12288;&#22478;H&#12288;&#9675;&#9675;&#9675;(&#36039;&#26009;&#12454;&#12288;&#26152;&#24180;&#22577;&#37228;&#36861;&#35352;&#65289;\4&#22238;&#30446;&#65288;8&#26376;28&#26085;&#25351;&#25688;&#65289;\&#9734;0902&#20104;&#23450;&#8658;&#32207;&#21209;&#23616;(260812&#65289;&#12304;&#22823;&#38442;&#22478;H&#12305;02&#24441;&#32887;&#21729;&#29366;&#27841;&#36039;&#26009;&#65288;&#20837;&#21147;&#12471;&#12540;&#12488;&#65289;%20&#36039;&#26009;&#12456;&#9675;&#24494;&#20462;&#2749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File_SV\02-&#32207;&#21209;&#35506;\&#20849;&#29992;&#12501;&#12457;&#12523;&#12480;\0-01&#12288;&#32207;&#21209;&#35506;&#20849;&#36890;\22&#24180;&#24230;\&#30435;&#29702;&#36039;&#26009;\&#22238;&#31572;&#32232;\202&#30435;&#29702;&#36039;&#26009;&#65288;&#36039;&#26009;5&#65374;6&#65289;&#36039;&#26009;6&#12398;&#24180;&#40802;66&#20197;&#19978;&#65296;&#12391;&#22577;&#21578;&#12377;&#12427;&#12371;&#1239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24179;&#25104;23&#24180;&#24230;\&#32076;&#29702;&#12539;&#20225;&#30011;&#35506;\&#36001;&#25919;&#30340;&#29366;&#27841;&#21450;&#12403;&#24441;&#32887;&#21729;&#12398;&#29366;&#27841;&#12395;&#38306;&#12377;&#12427;&#36039;&#26009;&#12398;&#25552;&#20986;&#12395;&#12388;&#12356;&#12390;\04%20&#24441;&#32887;&#21729;&#29366;&#27841;&#36039;&#26009;&#65288;&#36039;&#26009;&#12450;&#65374;&#12456;&#65289;.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DOCUME~1\Owner\LOCALS~1\Temp\&#21442;&#32771;(&#26152;&#24180;&#24230;&#20998;)&#24441;&#32887;&#21729;&#29366;&#27841;&#36039;&#26009;.zip%20&#12398;&#19968;&#26178;&#12487;&#12451;&#12524;&#12463;&#12488;&#12522;%203\19&#24441;&#32887;&#21729;&#29366;&#27841;&#36039;&#26009;&#65288;&#36039;&#26009;&#12450;&#65374;&#12456;&#65289;&#28207;&#21306;&#31038;&#21332;_H23.08.18&#9733;.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Users\i9453848\AppData\Roaming\Microsoft\Excel\101&#31038;&#21307;.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Ts-wxldc2\&#32207;&#21209;\&#32207;&#21209;\&#23616;&#25552;&#20986;&#36039;&#26009;\&#12304;&#22806;&#37101;&#22243;&#20307;&#31561;&#12398;&#24441;&#32887;&#21729;&#12398;&#29366;&#27841;&#12395;&#38306;&#12377;&#12427;&#36039;&#26009;&#12305;(&#20154;&#30340;&#29366;&#27841;&#65289;\H26\02&#24441;&#32887;&#21729;&#29366;&#27841;&#36039;&#26009;&#65288;&#20837;&#21147;&#12471;&#12540;&#12488;&#65289;0910&#20462;&#27491;&#29256;.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Hdlm\disk\Users\i9051270\Desktop\121&#12501;&#12521;&#12527;&#12304;220813&#20462;&#27491;&#32080;&#26524;&#12305;&#36039;&#26009;6&#32887;&#21729;&#25968;&#65308;&#35330;&#27491;&#32080;&#26524;20100910&#6531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 val="データ"/>
    </sheetNames>
    <sheetDataSet>
      <sheetData sheetId="0" refreshError="1"/>
      <sheetData sheetId="1" refreshError="1"/>
      <sheetData sheetId="2" refreshError="1"/>
      <sheetData sheetId="3" refreshError="1"/>
      <sheetData sheetId="4">
        <row r="2">
          <cell r="B2" t="str">
            <v>政策企画室</v>
          </cell>
        </row>
        <row r="51">
          <cell r="J51" t="str">
            <v>定めている</v>
          </cell>
          <cell r="K51" t="str">
            <v>定めている</v>
          </cell>
          <cell r="L51" t="str">
            <v>支給していない</v>
          </cell>
          <cell r="M51" t="str">
            <v>就任していない</v>
          </cell>
        </row>
        <row r="52">
          <cell r="J52" t="str">
            <v>定めていない</v>
          </cell>
          <cell r="K52" t="str">
            <v>定めていない</v>
          </cell>
          <cell r="L52" t="str">
            <v>支給している</v>
          </cell>
          <cell r="M52" t="str">
            <v>就任している</v>
          </cell>
        </row>
      </sheetData>
      <sheetData sheetId="5"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1"/>
      <sheetName val="資料1-2"/>
      <sheetName val="資料1-2 (記入例)"/>
      <sheetName val="資料2"/>
      <sheetName val="資料3"/>
      <sheetName val="資料4"/>
      <sheetName val="入力リスト"/>
      <sheetName val="旧資料1"/>
    </sheetNames>
    <sheetDataSet>
      <sheetData sheetId="0"/>
      <sheetData sheetId="1"/>
      <sheetData sheetId="2"/>
      <sheetData sheetId="3"/>
      <sheetData sheetId="4"/>
      <sheetData sheetId="5"/>
      <sheetData sheetId="6">
        <row r="43">
          <cell r="C43" t="str">
            <v>財団法人　大阪国際交流センター</v>
          </cell>
          <cell r="D43" t="str">
            <v>オオサカコクサイコウリュウセンター</v>
          </cell>
          <cell r="E43" t="str">
            <v>財団法人</v>
          </cell>
          <cell r="F43" t="str">
            <v>(財)</v>
          </cell>
          <cell r="G43" t="str">
            <v>大阪国際交流センター</v>
          </cell>
        </row>
        <row r="44">
          <cell r="C44" t="str">
            <v>財団法人　大阪市女性協会</v>
          </cell>
          <cell r="D44" t="str">
            <v>オオサカシジョセイキョウカイ</v>
          </cell>
          <cell r="E44" t="str">
            <v>財団法人</v>
          </cell>
          <cell r="F44" t="str">
            <v>(財)</v>
          </cell>
          <cell r="G44" t="str">
            <v>大阪市女性協会</v>
          </cell>
        </row>
        <row r="45">
          <cell r="C45" t="str">
            <v>財団法人　アジア・太平洋人権情報センター</v>
          </cell>
          <cell r="D45" t="str">
            <v>アジア・タイヘイヨウジンケンジョウホウセンター</v>
          </cell>
          <cell r="E45" t="str">
            <v>財団法人</v>
          </cell>
          <cell r="F45" t="str">
            <v>(財)</v>
          </cell>
          <cell r="G45" t="str">
            <v>アジア・太平洋人権情報センター</v>
          </cell>
        </row>
        <row r="46">
          <cell r="C46" t="str">
            <v>株式会社　大阪市開発公社</v>
          </cell>
          <cell r="D46" t="str">
            <v>オオサカシカイハツコウシャ</v>
          </cell>
          <cell r="E46" t="str">
            <v>株式会社</v>
          </cell>
          <cell r="F46" t="str">
            <v>(株)　</v>
          </cell>
          <cell r="G46" t="str">
            <v>大阪市開発公社</v>
          </cell>
        </row>
        <row r="47">
          <cell r="C47" t="str">
            <v>大阪市土地開発公社</v>
          </cell>
          <cell r="D47" t="str">
            <v>オオサカシトチカイハツコウシャ</v>
          </cell>
          <cell r="E47" t="str">
            <v>特別法人</v>
          </cell>
          <cell r="G47" t="str">
            <v>大阪市土地開発公社</v>
          </cell>
        </row>
        <row r="48">
          <cell r="C48" t="str">
            <v>財団法人　大阪市都市工学情報センター</v>
          </cell>
          <cell r="D48" t="str">
            <v>オオサカシトシコウガクジョウホウセンター</v>
          </cell>
          <cell r="E48" t="str">
            <v>財団法人</v>
          </cell>
          <cell r="F48" t="str">
            <v>(財)</v>
          </cell>
          <cell r="G48" t="str">
            <v>大阪市都市工学情報センター</v>
          </cell>
        </row>
        <row r="49">
          <cell r="C49" t="str">
            <v>株式会社　湊町開発センター</v>
          </cell>
          <cell r="D49" t="str">
            <v>ミナトマチカイハツセンター</v>
          </cell>
          <cell r="E49" t="str">
            <v>株式会社</v>
          </cell>
          <cell r="F49" t="str">
            <v>(株)</v>
          </cell>
          <cell r="G49" t="str">
            <v>湊町開発センター</v>
          </cell>
        </row>
        <row r="50">
          <cell r="C50" t="str">
            <v>大阪外環状鉄道　株式会社</v>
          </cell>
          <cell r="D50" t="str">
            <v>オオサカソトカンジョウテツドウ</v>
          </cell>
          <cell r="E50" t="str">
            <v>株式会社</v>
          </cell>
          <cell r="G50" t="str">
            <v>大阪外環状鉄道</v>
          </cell>
          <cell r="H50" t="str">
            <v>(株)</v>
          </cell>
        </row>
        <row r="51">
          <cell r="C51" t="str">
            <v>社会福祉法人　大阪社会医療センター</v>
          </cell>
          <cell r="D51" t="str">
            <v>オオサカシャカイイリョウセンター</v>
          </cell>
          <cell r="E51" t="str">
            <v>社会福祉法人</v>
          </cell>
          <cell r="F51" t="str">
            <v>(福)</v>
          </cell>
          <cell r="G51" t="str">
            <v>大阪社会医療センター</v>
          </cell>
        </row>
        <row r="52">
          <cell r="C52" t="str">
            <v>財団法人　大阪市環境保健協会</v>
          </cell>
          <cell r="D52" t="str">
            <v>オオサカシカンキョウホケンキョウカイ</v>
          </cell>
          <cell r="E52" t="str">
            <v>財団法人</v>
          </cell>
          <cell r="F52" t="str">
            <v>(財)</v>
          </cell>
          <cell r="G52" t="str">
            <v>大阪市環境保健協会</v>
          </cell>
        </row>
        <row r="53">
          <cell r="C53" t="str">
            <v>財団法人　大阪市救急医療事業団</v>
          </cell>
          <cell r="D53" t="str">
            <v>オオサカシキュウキュウイリョウジギョウダン</v>
          </cell>
          <cell r="E53" t="str">
            <v>財団法人</v>
          </cell>
          <cell r="F53" t="str">
            <v>(財)</v>
          </cell>
          <cell r="G53" t="str">
            <v>大阪市救急医療事業団</v>
          </cell>
        </row>
        <row r="54">
          <cell r="C54" t="str">
            <v>財団法人　大阪市スポーツ・みどり振興協会</v>
          </cell>
          <cell r="D54" t="str">
            <v>オオサカシスポーツ・ミドリシンコウキョウカイ</v>
          </cell>
          <cell r="E54" t="str">
            <v>財団法人</v>
          </cell>
          <cell r="F54" t="str">
            <v>(財)</v>
          </cell>
          <cell r="G54" t="str">
            <v>大阪市スポーツ・みどり振興協会</v>
          </cell>
        </row>
        <row r="55">
          <cell r="C55" t="str">
            <v>財団法人　大阪城ホール</v>
          </cell>
          <cell r="D55" t="str">
            <v>オオサカジョウホール</v>
          </cell>
          <cell r="E55" t="str">
            <v>財団法人</v>
          </cell>
          <cell r="F55" t="str">
            <v>(財)</v>
          </cell>
          <cell r="G55" t="str">
            <v>大阪城ホール</v>
          </cell>
        </row>
        <row r="56">
          <cell r="C56" t="str">
            <v>財団法人　大阪二十一世紀協会</v>
          </cell>
          <cell r="D56" t="str">
            <v>オオサカニジュウイチセイキキョウカイ</v>
          </cell>
          <cell r="E56" t="str">
            <v>財団法人</v>
          </cell>
          <cell r="F56" t="str">
            <v>(財)</v>
          </cell>
          <cell r="G56" t="str">
            <v>大阪二十一世紀協会</v>
          </cell>
        </row>
        <row r="57">
          <cell r="C57" t="str">
            <v>財団法人　大阪市博物館協会</v>
          </cell>
          <cell r="D57" t="str">
            <v>オオサカシハクブツカンキョウカイ</v>
          </cell>
          <cell r="E57" t="str">
            <v>財団法人</v>
          </cell>
          <cell r="F57" t="str">
            <v>(財)</v>
          </cell>
          <cell r="G57" t="str">
            <v>大阪市博物館協会</v>
          </cell>
        </row>
        <row r="58">
          <cell r="C58" t="str">
            <v>財団法人　大阪科学振興協会</v>
          </cell>
          <cell r="D58" t="str">
            <v>オオサカカガクシンコウキョウカイ</v>
          </cell>
          <cell r="E58" t="str">
            <v>財団法人</v>
          </cell>
          <cell r="F58" t="str">
            <v>(財)</v>
          </cell>
          <cell r="G58" t="str">
            <v>大阪科学振興協会</v>
          </cell>
        </row>
        <row r="59">
          <cell r="C59" t="str">
            <v>財団法人　大阪国際経済振興センター</v>
          </cell>
          <cell r="D59" t="str">
            <v>オオサカコクサイケイザイシンコウセンター</v>
          </cell>
          <cell r="E59" t="str">
            <v>財団法人</v>
          </cell>
          <cell r="F59" t="str">
            <v>(財)</v>
          </cell>
          <cell r="G59" t="str">
            <v>大阪国際経済振興センター</v>
          </cell>
        </row>
        <row r="60">
          <cell r="C60" t="str">
            <v>大阪市信用保証協会</v>
          </cell>
          <cell r="D60" t="str">
            <v>オオサカシシンヨウホショウキョウカイ</v>
          </cell>
          <cell r="E60" t="str">
            <v>特別法人</v>
          </cell>
          <cell r="G60" t="str">
            <v>大阪市信用保証協会</v>
          </cell>
        </row>
        <row r="61">
          <cell r="C61" t="str">
            <v>株式会社　大阪マーチャンダイズ・マート</v>
          </cell>
          <cell r="D61" t="str">
            <v>オオサカマーチャンダイズ・マート</v>
          </cell>
          <cell r="E61" t="str">
            <v>株式会社</v>
          </cell>
          <cell r="F61" t="str">
            <v>(株)</v>
          </cell>
          <cell r="G61" t="str">
            <v>大阪マーチャンダイズ・マート</v>
          </cell>
        </row>
        <row r="62">
          <cell r="C62" t="str">
            <v>アジア太平洋トレードセンター　株式会社</v>
          </cell>
          <cell r="D62" t="str">
            <v>アジアタイヘイヨウトレードセンター</v>
          </cell>
          <cell r="E62" t="str">
            <v>株式会社</v>
          </cell>
          <cell r="G62" t="str">
            <v>アジア太平洋トレードセンター</v>
          </cell>
          <cell r="H62" t="str">
            <v>(株)</v>
          </cell>
        </row>
        <row r="63">
          <cell r="C63" t="str">
            <v>株式会社　大阪鶴見フラワーセンター</v>
          </cell>
          <cell r="D63" t="str">
            <v>オオサカツルミフラワーセンター</v>
          </cell>
          <cell r="E63" t="str">
            <v>株式会社</v>
          </cell>
          <cell r="F63" t="str">
            <v>(株)</v>
          </cell>
          <cell r="G63" t="str">
            <v>大阪鶴見フラワーセンター</v>
          </cell>
        </row>
        <row r="64">
          <cell r="C64" t="str">
            <v>大阪市商業振興企画　株式会社</v>
          </cell>
          <cell r="D64" t="str">
            <v>オオサカシショウギョウシンコウキカク</v>
          </cell>
          <cell r="E64" t="str">
            <v>株式会社</v>
          </cell>
          <cell r="G64" t="str">
            <v>大阪市商業振興企画</v>
          </cell>
          <cell r="H64" t="str">
            <v>(株)</v>
          </cell>
        </row>
        <row r="65">
          <cell r="C65" t="str">
            <v>財団法人　地球環境センター</v>
          </cell>
          <cell r="D65" t="str">
            <v>チキュウカンキョウセンター</v>
          </cell>
          <cell r="E65" t="str">
            <v>財団法人</v>
          </cell>
          <cell r="F65" t="str">
            <v>(公財)</v>
          </cell>
          <cell r="G65" t="str">
            <v>地球環境センター</v>
          </cell>
        </row>
        <row r="66">
          <cell r="C66" t="str">
            <v>財団法人　大阪市環境事業協会</v>
          </cell>
          <cell r="D66" t="str">
            <v>オオサカシカンキョウジギョウキョウカイ</v>
          </cell>
          <cell r="E66" t="str">
            <v>財団法人</v>
          </cell>
          <cell r="F66" t="str">
            <v>(財)</v>
          </cell>
          <cell r="G66" t="str">
            <v>大阪市環境事業協会</v>
          </cell>
        </row>
        <row r="67">
          <cell r="C67" t="str">
            <v>大阪市住宅供給公社</v>
          </cell>
          <cell r="D67" t="str">
            <v>オオサカシジュウタクキョウキュウコウシャ</v>
          </cell>
          <cell r="E67" t="str">
            <v>特別法人</v>
          </cell>
          <cell r="G67" t="str">
            <v>大阪市住宅供給公社</v>
          </cell>
        </row>
        <row r="68">
          <cell r="C68" t="str">
            <v>財団法人　大阪市建築技術協会</v>
          </cell>
          <cell r="D68" t="str">
            <v>オオサカシケンチクギジュツキョウカイ</v>
          </cell>
          <cell r="E68" t="str">
            <v>財団法人</v>
          </cell>
          <cell r="F68" t="str">
            <v>(財)</v>
          </cell>
          <cell r="G68" t="str">
            <v>大阪市建築技術協会</v>
          </cell>
        </row>
        <row r="69">
          <cell r="C69" t="str">
            <v>財団法人　大阪市都市建設技術協会</v>
          </cell>
          <cell r="D69" t="str">
            <v>オオサカシトシケンセツギジュツキョウカイ</v>
          </cell>
          <cell r="E69" t="str">
            <v>財団法人</v>
          </cell>
          <cell r="F69" t="str">
            <v>(財)</v>
          </cell>
          <cell r="G69" t="str">
            <v>大阪市都市建設技術協会</v>
          </cell>
        </row>
        <row r="70">
          <cell r="C70" t="str">
            <v>大阪市街地開発　株式会社</v>
          </cell>
          <cell r="D70" t="str">
            <v>オオサカシガイチカイハツ</v>
          </cell>
          <cell r="E70" t="str">
            <v>株式会社</v>
          </cell>
          <cell r="G70" t="str">
            <v>大阪市街地開発</v>
          </cell>
          <cell r="H70" t="str">
            <v>(株)</v>
          </cell>
        </row>
        <row r="71">
          <cell r="C71" t="str">
            <v>大阪市道路公社</v>
          </cell>
          <cell r="D71" t="str">
            <v>オオサカシドウロコウシャ</v>
          </cell>
          <cell r="E71" t="str">
            <v>特別法人</v>
          </cell>
          <cell r="G71" t="str">
            <v>大阪市道路公社</v>
          </cell>
        </row>
        <row r="72">
          <cell r="C72" t="str">
            <v>大阪地下街　株式会社</v>
          </cell>
          <cell r="D72" t="str">
            <v>オオサカチカガイ</v>
          </cell>
          <cell r="E72" t="str">
            <v>株式会社</v>
          </cell>
          <cell r="G72" t="str">
            <v>大阪地下街</v>
          </cell>
          <cell r="H72" t="str">
            <v>(株)</v>
          </cell>
        </row>
        <row r="73">
          <cell r="C73" t="str">
            <v>クリスタ長堀　株式会社</v>
          </cell>
          <cell r="D73" t="str">
            <v>クリスタナガホリ</v>
          </cell>
          <cell r="E73" t="str">
            <v>株式会社</v>
          </cell>
          <cell r="G73" t="str">
            <v>クリスタ長堀</v>
          </cell>
          <cell r="H73" t="str">
            <v>(株)</v>
          </cell>
        </row>
        <row r="74">
          <cell r="C74" t="str">
            <v>財団法人　大阪市下水道技術協会</v>
          </cell>
          <cell r="D74" t="str">
            <v>オオサカシゲスイドウギジュツキョウカイ</v>
          </cell>
          <cell r="E74" t="str">
            <v>財団法人</v>
          </cell>
          <cell r="F74" t="str">
            <v>(財)</v>
          </cell>
          <cell r="G74" t="str">
            <v>大阪市下水道技術協会</v>
          </cell>
        </row>
        <row r="75">
          <cell r="C75" t="str">
            <v>財団法人　大阪港埠頭公社</v>
          </cell>
          <cell r="D75" t="str">
            <v>オオサカコウフトウコウシャ</v>
          </cell>
          <cell r="E75" t="str">
            <v>財団法人</v>
          </cell>
          <cell r="F75" t="str">
            <v>(財)</v>
          </cell>
          <cell r="G75" t="str">
            <v>大阪港埠頭公社</v>
          </cell>
        </row>
        <row r="76">
          <cell r="C76" t="str">
            <v>大阪港埠頭ターミナル　株式会社</v>
          </cell>
          <cell r="D76" t="str">
            <v>オオサカコウフトウターミナル</v>
          </cell>
          <cell r="E76" t="str">
            <v>株式会社</v>
          </cell>
          <cell r="G76" t="str">
            <v>大阪港埠頭ターミナル</v>
          </cell>
          <cell r="H76" t="str">
            <v>(株)</v>
          </cell>
        </row>
        <row r="77">
          <cell r="C77" t="str">
            <v>大阪港木材倉庫　株式会社</v>
          </cell>
          <cell r="D77" t="str">
            <v>オオサカコウモクザイソウコ</v>
          </cell>
          <cell r="E77" t="str">
            <v>株式会社</v>
          </cell>
          <cell r="G77" t="str">
            <v>大阪港木材倉庫</v>
          </cell>
          <cell r="H77" t="str">
            <v>(株)</v>
          </cell>
        </row>
        <row r="78">
          <cell r="C78" t="str">
            <v>株式会社　大阪港トランスポートシステム</v>
          </cell>
          <cell r="D78" t="str">
            <v>オオサカコウトランスポートシステム</v>
          </cell>
          <cell r="E78" t="str">
            <v>株式会社</v>
          </cell>
          <cell r="F78" t="str">
            <v>(株)</v>
          </cell>
          <cell r="G78" t="str">
            <v>大阪港トランスポートシステム</v>
          </cell>
        </row>
        <row r="79">
          <cell r="C79" t="str">
            <v>大阪ウォーターフロント開発　株式会社</v>
          </cell>
          <cell r="D79" t="str">
            <v>オオサカウォーターフロントカイハツ</v>
          </cell>
          <cell r="E79" t="str">
            <v>株式会社</v>
          </cell>
          <cell r="G79" t="str">
            <v>大阪ウォーターフロント開発</v>
          </cell>
          <cell r="H79" t="str">
            <v>(株)</v>
          </cell>
        </row>
        <row r="80">
          <cell r="C80" t="str">
            <v>株式会社　大阪ワールドトレードセンタービルディング</v>
          </cell>
          <cell r="D80" t="str">
            <v>オオサカワールドトレードセンタービルディング</v>
          </cell>
          <cell r="E80" t="str">
            <v>株式会社</v>
          </cell>
          <cell r="F80" t="str">
            <v>(株)</v>
          </cell>
          <cell r="G80" t="str">
            <v>大阪ワールドトレードセンタービルディング</v>
          </cell>
        </row>
        <row r="81">
          <cell r="C81" t="str">
            <v>財団法人　大阪市消防振興協会</v>
          </cell>
          <cell r="D81" t="str">
            <v>オオサカシショウボウシンコウキョウカイ</v>
          </cell>
          <cell r="E81" t="str">
            <v>財団法人</v>
          </cell>
          <cell r="F81" t="str">
            <v>(財)</v>
          </cell>
          <cell r="G81" t="str">
            <v>大阪市消防振興協会</v>
          </cell>
        </row>
        <row r="82">
          <cell r="C82" t="str">
            <v>交通サービス　株式会社</v>
          </cell>
          <cell r="D82" t="str">
            <v>コウツウサービス</v>
          </cell>
          <cell r="E82" t="str">
            <v>株式会社</v>
          </cell>
          <cell r="G82" t="str">
            <v>交通サービス</v>
          </cell>
          <cell r="H82" t="str">
            <v>(株)</v>
          </cell>
        </row>
        <row r="83">
          <cell r="C83" t="str">
            <v>大阪運輸振興　株式会社</v>
          </cell>
          <cell r="D83" t="str">
            <v>オオサカウンユシンコウ</v>
          </cell>
          <cell r="E83" t="str">
            <v>株式会社</v>
          </cell>
          <cell r="G83" t="str">
            <v>大阪運輸振興</v>
          </cell>
          <cell r="H83" t="str">
            <v>(株)</v>
          </cell>
        </row>
        <row r="84">
          <cell r="C84" t="str">
            <v>株式会社　大阪メトロサービス</v>
          </cell>
          <cell r="D84" t="str">
            <v>オオサカメトロサービス</v>
          </cell>
          <cell r="E84" t="str">
            <v>株式会社</v>
          </cell>
          <cell r="F84" t="str">
            <v>(株)</v>
          </cell>
          <cell r="G84" t="str">
            <v>大阪メトロサービス</v>
          </cell>
        </row>
        <row r="85">
          <cell r="C85" t="str">
            <v>株式会社　大阪水道総合サービス</v>
          </cell>
          <cell r="D85" t="str">
            <v>オサカスイドウソウゴウサービス</v>
          </cell>
          <cell r="E85" t="str">
            <v>株式会社</v>
          </cell>
          <cell r="F85" t="str">
            <v>(株)</v>
          </cell>
          <cell r="G85" t="str">
            <v>大阪水道総合サービス</v>
          </cell>
        </row>
        <row r="86">
          <cell r="C86" t="str">
            <v>財団法人　大阪市教育振興公社</v>
          </cell>
          <cell r="D86" t="str">
            <v>オオサカシキョウイクシンコウコウシャ</v>
          </cell>
          <cell r="E86" t="str">
            <v>財団法人</v>
          </cell>
          <cell r="F86" t="str">
            <v>(財)</v>
          </cell>
          <cell r="G86" t="str">
            <v>大阪市教育振興公社</v>
          </cell>
        </row>
        <row r="87">
          <cell r="C87" t="str">
            <v>財団法人　大阪国際平和センター</v>
          </cell>
          <cell r="D87" t="str">
            <v>オオサカコクサイヘイワセンター</v>
          </cell>
          <cell r="E87" t="str">
            <v>財団法人</v>
          </cell>
          <cell r="F87" t="str">
            <v>(財)</v>
          </cell>
          <cell r="G87" t="str">
            <v>大阪国際平和センター</v>
          </cell>
        </row>
        <row r="88">
          <cell r="C88" t="str">
            <v>財団法人　大阪府暴力追放推進センター</v>
          </cell>
          <cell r="D88" t="str">
            <v>オオサカフボウリョクツイホウスイシンセンター</v>
          </cell>
          <cell r="E88" t="str">
            <v>財団法人</v>
          </cell>
          <cell r="F88" t="str">
            <v>(財)</v>
          </cell>
          <cell r="G88" t="str">
            <v>大阪府暴力追放推進センター</v>
          </cell>
        </row>
        <row r="89">
          <cell r="C89" t="str">
            <v>関西高速鉄道　株式会社</v>
          </cell>
          <cell r="D89" t="str">
            <v>カンサイコウソクテツドウ</v>
          </cell>
          <cell r="E89" t="str">
            <v>株式会社</v>
          </cell>
          <cell r="G89" t="str">
            <v>関西高速鉄道</v>
          </cell>
          <cell r="H89" t="str">
            <v>(株)</v>
          </cell>
        </row>
        <row r="90">
          <cell r="C90" t="str">
            <v>大阪国際空港ターミナル　株式会社</v>
          </cell>
          <cell r="D90" t="str">
            <v>オオサカコクサイクウコウターミナル</v>
          </cell>
          <cell r="E90" t="str">
            <v>株式会社</v>
          </cell>
          <cell r="G90" t="str">
            <v>大阪国際空港ターミナル</v>
          </cell>
          <cell r="H90" t="str">
            <v>(株)</v>
          </cell>
        </row>
        <row r="91">
          <cell r="C91" t="str">
            <v>西大阪高速鉄道　株式会社</v>
          </cell>
          <cell r="D91" t="str">
            <v>ニシオオサカコウソクテツドウ</v>
          </cell>
          <cell r="E91" t="str">
            <v>株式会社</v>
          </cell>
          <cell r="G91" t="str">
            <v>西大阪高速鉄道</v>
          </cell>
          <cell r="H91" t="str">
            <v>(株)</v>
          </cell>
        </row>
        <row r="92">
          <cell r="C92" t="str">
            <v>中之島高速鉄道　株式会社</v>
          </cell>
          <cell r="D92" t="str">
            <v>ナカノシマコウソクテツドウ</v>
          </cell>
          <cell r="E92" t="str">
            <v>株式会社</v>
          </cell>
          <cell r="G92" t="str">
            <v>中之島高速鉄道</v>
          </cell>
          <cell r="H92" t="str">
            <v>(株)</v>
          </cell>
        </row>
        <row r="93">
          <cell r="C93" t="str">
            <v>株式会社　かんでんエルハート</v>
          </cell>
          <cell r="D93" t="str">
            <v>カンデンエルハート</v>
          </cell>
          <cell r="E93" t="str">
            <v>株式会社</v>
          </cell>
          <cell r="F93" t="str">
            <v>(株)</v>
          </cell>
          <cell r="G93" t="str">
            <v>かんでんエルハート</v>
          </cell>
        </row>
        <row r="94">
          <cell r="C94" t="str">
            <v>財団法人　大阪観光コンベンション協会</v>
          </cell>
          <cell r="D94" t="str">
            <v>オオサカカンコウコンベンションキョウカイ</v>
          </cell>
          <cell r="E94" t="str">
            <v>財団法人</v>
          </cell>
          <cell r="F94" t="str">
            <v>(財)</v>
          </cell>
          <cell r="G94" t="str">
            <v>大阪観光コンベンション協会</v>
          </cell>
        </row>
        <row r="95">
          <cell r="C95" t="str">
            <v>財団法人　国際花と緑の博覧会記念協会</v>
          </cell>
          <cell r="D95" t="str">
            <v>コクサイハナトミドリノハクランカイキネンキョウカイ</v>
          </cell>
          <cell r="E95" t="str">
            <v>財団法人</v>
          </cell>
          <cell r="F95" t="str">
            <v>(財)</v>
          </cell>
          <cell r="G95" t="str">
            <v>国際花と緑の博覧会記念協会</v>
          </cell>
        </row>
        <row r="96">
          <cell r="C96" t="str">
            <v>財団法人　大阪市農業センター</v>
          </cell>
          <cell r="D96" t="str">
            <v>オオサカシノウギョウセンター</v>
          </cell>
          <cell r="E96" t="str">
            <v>財団法人</v>
          </cell>
          <cell r="F96" t="str">
            <v>(財)</v>
          </cell>
          <cell r="G96" t="str">
            <v>大阪市農業センター</v>
          </cell>
        </row>
        <row r="97">
          <cell r="C97" t="str">
            <v>社団法人　大阪市人権協会</v>
          </cell>
          <cell r="D97" t="str">
            <v>オオサカシジンキョウカイ</v>
          </cell>
          <cell r="E97" t="str">
            <v>社団法人</v>
          </cell>
          <cell r="F97" t="str">
            <v>(社)</v>
          </cell>
          <cell r="G97" t="str">
            <v>大阪市人権協会</v>
          </cell>
        </row>
        <row r="98">
          <cell r="C98" t="str">
            <v>財団法人　大阪市民共済会</v>
          </cell>
          <cell r="D98" t="str">
            <v>オオサカシミンキョウサイカイ</v>
          </cell>
          <cell r="E98" t="str">
            <v>財団法人</v>
          </cell>
          <cell r="F98" t="str">
            <v>(財)</v>
          </cell>
          <cell r="G98" t="str">
            <v>大阪市民共済会</v>
          </cell>
        </row>
        <row r="99">
          <cell r="C99" t="str">
            <v>社会福祉法人　大阪市社会福祉協議会</v>
          </cell>
          <cell r="D99" t="str">
            <v>オオサカシシャカイフクシキョウギカイ</v>
          </cell>
          <cell r="E99" t="str">
            <v>社会福祉法人</v>
          </cell>
          <cell r="F99" t="str">
            <v>(福)</v>
          </cell>
          <cell r="G99" t="str">
            <v>大阪市社会福祉協議会</v>
          </cell>
        </row>
        <row r="100">
          <cell r="C100" t="str">
            <v>社会福祉法人　みおつくし福祉会</v>
          </cell>
          <cell r="D100" t="str">
            <v>ミオツクシフクシカイ</v>
          </cell>
          <cell r="E100" t="str">
            <v>社会福祉法人</v>
          </cell>
          <cell r="F100" t="str">
            <v>(福)</v>
          </cell>
          <cell r="G100" t="str">
            <v>みおつくし福祉会</v>
          </cell>
        </row>
        <row r="101">
          <cell r="C101" t="str">
            <v>社会福祉法人　大阪市障害者福祉・スポーツ協会</v>
          </cell>
          <cell r="D101" t="str">
            <v>オオサカシショウガイシャフクシ・スポーツキョウカイ</v>
          </cell>
          <cell r="E101" t="str">
            <v>社会福祉法人</v>
          </cell>
          <cell r="F101" t="str">
            <v>(福)</v>
          </cell>
          <cell r="G101" t="str">
            <v>大阪市障害者福祉・スポーツ協会</v>
          </cell>
        </row>
        <row r="102">
          <cell r="C102" t="str">
            <v>財団法人　大阪市身体障害者団体協議会</v>
          </cell>
          <cell r="D102" t="str">
            <v>オオサカシシンタイショウガイシャダンタイキョウギカイ</v>
          </cell>
          <cell r="E102" t="str">
            <v>財団法人</v>
          </cell>
          <cell r="F102" t="str">
            <v>(財)</v>
          </cell>
          <cell r="G102" t="str">
            <v>大阪市身体障害者団体協議会</v>
          </cell>
        </row>
        <row r="103">
          <cell r="C103" t="str">
            <v>社団法人　大阪市老人クラブ連合会</v>
          </cell>
          <cell r="D103" t="str">
            <v>オオサカシロウジンクラブレンゴウカイ</v>
          </cell>
          <cell r="E103" t="str">
            <v>社団法人</v>
          </cell>
          <cell r="F103" t="str">
            <v>(社)</v>
          </cell>
          <cell r="G103" t="str">
            <v>大阪市老人クラブ連合会</v>
          </cell>
        </row>
        <row r="104">
          <cell r="C104" t="str">
            <v>社団法人　大阪生活衛生協会</v>
          </cell>
          <cell r="D104" t="str">
            <v>オオサカセイカツエイセイキョウカイ</v>
          </cell>
          <cell r="E104" t="str">
            <v>社団法人</v>
          </cell>
          <cell r="F104" t="str">
            <v>(社)</v>
          </cell>
          <cell r="G104" t="str">
            <v>大阪生活衛生協会</v>
          </cell>
        </row>
        <row r="105">
          <cell r="C105" t="str">
            <v>財団法人　大阪バイオサイエンス研究所</v>
          </cell>
          <cell r="D105" t="str">
            <v>オオサカバイオサイエンスケンキュウショ</v>
          </cell>
          <cell r="E105" t="str">
            <v>財団法人</v>
          </cell>
          <cell r="F105" t="str">
            <v>(財)</v>
          </cell>
          <cell r="G105" t="str">
            <v>大阪バイオサイエンス研究所</v>
          </cell>
        </row>
        <row r="106">
          <cell r="C106" t="str">
            <v>財団法人　大阪市青少年活動協会</v>
          </cell>
          <cell r="D106" t="str">
            <v>オオサカシセイショウネンカツドウキョウカイ</v>
          </cell>
          <cell r="E106" t="str">
            <v>財団法人</v>
          </cell>
          <cell r="F106" t="str">
            <v>(財)</v>
          </cell>
          <cell r="G106" t="str">
            <v>大阪市青少年活動協会</v>
          </cell>
        </row>
        <row r="107">
          <cell r="C107" t="str">
            <v>財団法人　大阪市中小企業勤労者福祉サービスセンター</v>
          </cell>
          <cell r="D107" t="str">
            <v>オオサカシチュウショウキギョウキンロウシャフクシサービスセンター</v>
          </cell>
          <cell r="E107" t="str">
            <v>財団法人</v>
          </cell>
          <cell r="F107" t="str">
            <v>(財)</v>
          </cell>
          <cell r="G107" t="str">
            <v>大阪市中小企業勤労者福祉サービスセンター</v>
          </cell>
        </row>
        <row r="108">
          <cell r="C108" t="str">
            <v>財団法人　大阪市都市型産業振興センター</v>
          </cell>
          <cell r="D108" t="str">
            <v>オオサカシトシガタサンギョウシンコウセンター</v>
          </cell>
          <cell r="E108" t="str">
            <v>財団法人</v>
          </cell>
          <cell r="F108" t="str">
            <v>(財)</v>
          </cell>
          <cell r="G108" t="str">
            <v>大阪市都市型産業振興センター</v>
          </cell>
        </row>
        <row r="109">
          <cell r="C109" t="str">
            <v>社団法人　大阪港振興協会</v>
          </cell>
          <cell r="D109" t="str">
            <v>オオサカコウシンコウキョウカイ</v>
          </cell>
          <cell r="E109" t="str">
            <v>社団法人</v>
          </cell>
          <cell r="F109" t="str">
            <v>(社)</v>
          </cell>
          <cell r="G109" t="str">
            <v>大阪港振興協会</v>
          </cell>
        </row>
        <row r="110">
          <cell r="C110" t="str">
            <v>社団法人　大阪市清港会</v>
          </cell>
          <cell r="D110" t="str">
            <v>オオサカシセイコウカイ</v>
          </cell>
          <cell r="E110" t="str">
            <v>社団法人</v>
          </cell>
          <cell r="F110" t="str">
            <v>(社)</v>
          </cell>
          <cell r="G110" t="str">
            <v>大阪市清港会</v>
          </cell>
        </row>
        <row r="111">
          <cell r="C111" t="str">
            <v>財団法人　大阪市学校給食協会</v>
          </cell>
          <cell r="D111" t="str">
            <v>オオサカシガッコウキュウショクキョウカイ</v>
          </cell>
          <cell r="E111" t="str">
            <v>財団法人</v>
          </cell>
          <cell r="F111" t="str">
            <v>(財)</v>
          </cell>
          <cell r="G111" t="str">
            <v>大阪市学校給食協会</v>
          </cell>
        </row>
        <row r="112">
          <cell r="C112" t="str">
            <v>財団法人　北区コミュニティ協会</v>
          </cell>
          <cell r="D112" t="str">
            <v>キタクコミュニティキョウカイ</v>
          </cell>
          <cell r="E112" t="str">
            <v>財団法人</v>
          </cell>
          <cell r="F112" t="str">
            <v>(財)</v>
          </cell>
          <cell r="G112" t="str">
            <v>北区コミュニティ協会</v>
          </cell>
        </row>
        <row r="113">
          <cell r="C113" t="str">
            <v>財団法人　都島区コミュニティ協会</v>
          </cell>
          <cell r="D113" t="str">
            <v>ミヤコジマクコミュニティキョウカイ</v>
          </cell>
          <cell r="E113" t="str">
            <v>財団法人</v>
          </cell>
          <cell r="F113" t="str">
            <v>(財)</v>
          </cell>
          <cell r="G113" t="str">
            <v>都島区コミュニティ協会</v>
          </cell>
        </row>
        <row r="114">
          <cell r="C114" t="str">
            <v>財団法人　福島区コミュニティ協会</v>
          </cell>
          <cell r="D114" t="str">
            <v>フクシマクコミュニティキョウカイ</v>
          </cell>
          <cell r="E114" t="str">
            <v>財団法人</v>
          </cell>
          <cell r="F114" t="str">
            <v>(財)</v>
          </cell>
          <cell r="G114" t="str">
            <v>福島区コミュニティ協会</v>
          </cell>
        </row>
        <row r="115">
          <cell r="C115" t="str">
            <v>財団法人　此花区コミュニティ協会</v>
          </cell>
          <cell r="D115" t="str">
            <v>コノハナクコミュニティキョウカイ</v>
          </cell>
          <cell r="E115" t="str">
            <v>財団法人</v>
          </cell>
          <cell r="F115" t="str">
            <v>(財)</v>
          </cell>
          <cell r="G115" t="str">
            <v>此花区コミュニティ協会</v>
          </cell>
        </row>
        <row r="116">
          <cell r="C116" t="str">
            <v>財団法人　中央区コミュニティ協会</v>
          </cell>
          <cell r="D116" t="str">
            <v>チュウオウクコミュニティキョウカイ</v>
          </cell>
          <cell r="E116" t="str">
            <v>財団法人</v>
          </cell>
          <cell r="F116" t="str">
            <v>(財)</v>
          </cell>
          <cell r="G116" t="str">
            <v>中央区コミュニティ協会</v>
          </cell>
        </row>
        <row r="117">
          <cell r="C117" t="str">
            <v>財団法人　西区コミュニティ協会</v>
          </cell>
          <cell r="D117" t="str">
            <v>ニシクコミュニティキョウカイ</v>
          </cell>
          <cell r="E117" t="str">
            <v>財団法人</v>
          </cell>
          <cell r="F117" t="str">
            <v>(財)</v>
          </cell>
          <cell r="G117" t="str">
            <v>西区コミュニティ協会</v>
          </cell>
        </row>
        <row r="118">
          <cell r="C118" t="str">
            <v>財団法人　港区コミュニティ協会</v>
          </cell>
          <cell r="D118" t="str">
            <v>ミナトクコミュニティキョウカイ</v>
          </cell>
          <cell r="E118" t="str">
            <v>財団法人</v>
          </cell>
          <cell r="F118" t="str">
            <v>(財)</v>
          </cell>
          <cell r="G118" t="str">
            <v>港区コミュニティ協会</v>
          </cell>
        </row>
        <row r="119">
          <cell r="C119" t="str">
            <v>財団法人　大正区コミュニティ協会</v>
          </cell>
          <cell r="D119" t="str">
            <v>タイショウクコミュニティキョウカイ</v>
          </cell>
          <cell r="E119" t="str">
            <v>財団法人</v>
          </cell>
          <cell r="F119" t="str">
            <v>(財)</v>
          </cell>
          <cell r="G119" t="str">
            <v>大正区コミュニティ協会</v>
          </cell>
        </row>
        <row r="120">
          <cell r="C120" t="str">
            <v>財団法人　天王寺区コミュニティ協会</v>
          </cell>
          <cell r="D120" t="str">
            <v>テンノウジクコミュニティキョウカイ</v>
          </cell>
          <cell r="E120" t="str">
            <v>財団法人</v>
          </cell>
          <cell r="F120" t="str">
            <v>(財)</v>
          </cell>
          <cell r="G120" t="str">
            <v>天王寺区コミュニティ協会</v>
          </cell>
        </row>
        <row r="121">
          <cell r="C121" t="str">
            <v>財団法人　浪速区コミュニティ協会</v>
          </cell>
          <cell r="D121" t="str">
            <v>ナニワクコミュニティキョウカイ</v>
          </cell>
          <cell r="E121" t="str">
            <v>財団法人</v>
          </cell>
          <cell r="F121" t="str">
            <v>(財)</v>
          </cell>
          <cell r="G121" t="str">
            <v>浪速区コミュニティ協会</v>
          </cell>
        </row>
        <row r="122">
          <cell r="C122" t="str">
            <v>財団法人　西淀川区コミュニティ協会</v>
          </cell>
          <cell r="D122" t="str">
            <v>ニシヨドガワクコミュニティキョウカイ</v>
          </cell>
          <cell r="E122" t="str">
            <v>財団法人</v>
          </cell>
          <cell r="F122" t="str">
            <v>(財)</v>
          </cell>
          <cell r="G122" t="str">
            <v>西淀川区コミュニティ協会</v>
          </cell>
        </row>
        <row r="123">
          <cell r="C123" t="str">
            <v>財団法人　淀川区コミュニティ協会</v>
          </cell>
          <cell r="D123" t="str">
            <v>ヨドガワクコミュニティキョウカイ</v>
          </cell>
          <cell r="E123" t="str">
            <v>財団法人</v>
          </cell>
          <cell r="F123" t="str">
            <v>(財)</v>
          </cell>
          <cell r="G123" t="str">
            <v>淀川区コミュニティ協会</v>
          </cell>
        </row>
        <row r="124">
          <cell r="C124" t="str">
            <v>財団法人　東淀川区コミュニティ協会</v>
          </cell>
          <cell r="D124" t="str">
            <v>ヒガシヨドガワクコミュニティキョウカイ</v>
          </cell>
          <cell r="E124" t="str">
            <v>財団法人</v>
          </cell>
          <cell r="F124" t="str">
            <v>(財)</v>
          </cell>
          <cell r="G124" t="str">
            <v>東淀川区コミュニティ協会</v>
          </cell>
        </row>
        <row r="125">
          <cell r="C125" t="str">
            <v>財団法人　東成区コミュニティ協会</v>
          </cell>
          <cell r="D125" t="str">
            <v>ヒガシナリクコミュニティキョウカイ</v>
          </cell>
          <cell r="E125" t="str">
            <v>財団法人</v>
          </cell>
          <cell r="F125" t="str">
            <v>(財)</v>
          </cell>
          <cell r="G125" t="str">
            <v>東成区コミュニティ協会</v>
          </cell>
        </row>
        <row r="126">
          <cell r="C126" t="str">
            <v>財団法人　生野区コミュニティ協会</v>
          </cell>
          <cell r="D126" t="str">
            <v>イクノクコミュニティキョウカイ</v>
          </cell>
          <cell r="E126" t="str">
            <v>財団法人</v>
          </cell>
          <cell r="F126" t="str">
            <v>(財)</v>
          </cell>
          <cell r="G126" t="str">
            <v>生野区コミュニティ協会</v>
          </cell>
        </row>
        <row r="127">
          <cell r="C127" t="str">
            <v>財団法人　旭区コミュニティ協会</v>
          </cell>
          <cell r="D127" t="str">
            <v>アサヒクコミュニティキョウカイ</v>
          </cell>
          <cell r="E127" t="str">
            <v>財団法人</v>
          </cell>
          <cell r="F127" t="str">
            <v>(財)</v>
          </cell>
          <cell r="G127" t="str">
            <v>旭区コミュニティ協会</v>
          </cell>
        </row>
        <row r="128">
          <cell r="C128" t="str">
            <v>財団法人　城東区コミュニティ協会</v>
          </cell>
          <cell r="D128" t="str">
            <v>ジョウトウクコミュニティキョウカイ</v>
          </cell>
          <cell r="E128" t="str">
            <v>財団法人</v>
          </cell>
          <cell r="F128" t="str">
            <v>(財)</v>
          </cell>
          <cell r="G128" t="str">
            <v>城東区コミュニティ協会</v>
          </cell>
        </row>
        <row r="129">
          <cell r="C129" t="str">
            <v>財団法人　鶴見区コミュニティ協会</v>
          </cell>
          <cell r="D129" t="str">
            <v>ツルミクコミュニティキョウカイ</v>
          </cell>
          <cell r="E129" t="str">
            <v>財団法人</v>
          </cell>
          <cell r="F129" t="str">
            <v>(財)</v>
          </cell>
          <cell r="G129" t="str">
            <v>鶴見区コミュニティ協会</v>
          </cell>
        </row>
        <row r="130">
          <cell r="C130" t="str">
            <v>財団法人　阿倍野区コミュニティ協会</v>
          </cell>
          <cell r="D130" t="str">
            <v>アベノクコミュニティキョウカイ</v>
          </cell>
          <cell r="E130" t="str">
            <v>財団法人</v>
          </cell>
          <cell r="F130" t="str">
            <v>(財)</v>
          </cell>
          <cell r="G130" t="str">
            <v>阿倍野区コミュニティ協会</v>
          </cell>
        </row>
        <row r="131">
          <cell r="C131" t="str">
            <v>財団法人　住之江区コミュニティ協会</v>
          </cell>
          <cell r="D131" t="str">
            <v>スミノエクコミュニティキョウカイ</v>
          </cell>
          <cell r="E131" t="str">
            <v>財団法人</v>
          </cell>
          <cell r="F131" t="str">
            <v>(財)</v>
          </cell>
          <cell r="G131" t="str">
            <v>住之江区コミュニティ協会</v>
          </cell>
        </row>
        <row r="132">
          <cell r="C132" t="str">
            <v>財団法人　住吉区コミュニティ協会</v>
          </cell>
          <cell r="D132" t="str">
            <v>スミヨシクコミュニティキョウカイ</v>
          </cell>
          <cell r="E132" t="str">
            <v>財団法人</v>
          </cell>
          <cell r="F132" t="str">
            <v>(財)</v>
          </cell>
          <cell r="G132" t="str">
            <v>住吉区コミュニティ協会</v>
          </cell>
        </row>
        <row r="133">
          <cell r="C133" t="str">
            <v>財団法人　東住吉区コミュニティ協会</v>
          </cell>
          <cell r="D133" t="str">
            <v>ヒガシスミヨシクコミュニティキョウカイ</v>
          </cell>
          <cell r="E133" t="str">
            <v>財団法人</v>
          </cell>
          <cell r="F133" t="str">
            <v>(財)</v>
          </cell>
          <cell r="G133" t="str">
            <v>東住吉区コミュニティ協会</v>
          </cell>
        </row>
        <row r="134">
          <cell r="C134" t="str">
            <v>財団法人　平野区コミュニティ協会</v>
          </cell>
          <cell r="D134" t="str">
            <v>ヒラノクコミュニティキョウカイ</v>
          </cell>
          <cell r="E134" t="str">
            <v>財団法人</v>
          </cell>
          <cell r="F134" t="str">
            <v>(財)</v>
          </cell>
          <cell r="G134" t="str">
            <v>平野区コミュニティ協会</v>
          </cell>
        </row>
        <row r="135">
          <cell r="C135" t="str">
            <v>財団法人　西成区コミュニティ協会</v>
          </cell>
          <cell r="D135" t="str">
            <v>ニシナリクコミュニティキョウカイ</v>
          </cell>
          <cell r="E135" t="str">
            <v>財団法人</v>
          </cell>
          <cell r="F135" t="str">
            <v>(財)</v>
          </cell>
          <cell r="G135" t="str">
            <v>西成区コミュニティ協会</v>
          </cell>
        </row>
        <row r="136">
          <cell r="C136" t="str">
            <v>社会福祉法人　大阪市北区社会福祉協議会</v>
          </cell>
          <cell r="D136" t="str">
            <v>オオサカシキタクシャカイフクシキョウギカイ</v>
          </cell>
          <cell r="E136" t="str">
            <v>社会福祉法人</v>
          </cell>
          <cell r="F136" t="str">
            <v>(福)</v>
          </cell>
          <cell r="G136" t="str">
            <v>大阪市北区社会福祉協議会</v>
          </cell>
        </row>
        <row r="137">
          <cell r="C137" t="str">
            <v>社会福祉法人　大阪市都島区社会福祉協議会</v>
          </cell>
          <cell r="D137" t="str">
            <v>オオサカシミヤコジマクシャカイフクシキョウギカイ</v>
          </cell>
          <cell r="E137" t="str">
            <v>社会福祉法人</v>
          </cell>
          <cell r="F137" t="str">
            <v>(福)</v>
          </cell>
          <cell r="G137" t="str">
            <v>大阪市都島区社会福祉協議会</v>
          </cell>
        </row>
        <row r="138">
          <cell r="C138" t="str">
            <v>社会福祉法人　大阪市福島区社会福祉協議会</v>
          </cell>
          <cell r="D138" t="str">
            <v>オオサカシフクシマクシャカイフクシキョウギカイ</v>
          </cell>
          <cell r="E138" t="str">
            <v>社会福祉法人</v>
          </cell>
          <cell r="F138" t="str">
            <v>(福)</v>
          </cell>
          <cell r="G138" t="str">
            <v>大阪市福島区社会福祉協議会</v>
          </cell>
        </row>
        <row r="139">
          <cell r="C139" t="str">
            <v>社会福祉法人　大阪市此花区社会福祉協議会</v>
          </cell>
          <cell r="D139" t="str">
            <v>オオサカシコノハナクシャカイフクシキョウギカイ</v>
          </cell>
          <cell r="E139" t="str">
            <v>社会福祉法人</v>
          </cell>
          <cell r="F139" t="str">
            <v>(福)</v>
          </cell>
          <cell r="G139" t="str">
            <v>大阪市此花区社会福祉協議会</v>
          </cell>
        </row>
        <row r="140">
          <cell r="C140" t="str">
            <v>社会福祉法人　大阪市中央区社会福祉協議会</v>
          </cell>
          <cell r="D140" t="str">
            <v>オオサカシチュウオウクシャカイフクシキョウギカイ</v>
          </cell>
          <cell r="E140" t="str">
            <v>社会福祉法人</v>
          </cell>
          <cell r="F140" t="str">
            <v>(福)</v>
          </cell>
          <cell r="G140" t="str">
            <v>大阪市中央区社会福祉協議会</v>
          </cell>
        </row>
        <row r="141">
          <cell r="C141" t="str">
            <v>社会福祉法人　大阪市西区社会福祉協議会</v>
          </cell>
          <cell r="D141" t="str">
            <v>オオサカシニシクシャカイフクシキョウギカイ</v>
          </cell>
          <cell r="E141" t="str">
            <v>社会福祉法人</v>
          </cell>
          <cell r="F141" t="str">
            <v>(福)</v>
          </cell>
          <cell r="G141" t="str">
            <v>大阪市西区社会福祉協議会</v>
          </cell>
        </row>
        <row r="142">
          <cell r="C142" t="str">
            <v>社会福祉法人　大阪市港区社会福祉協議会</v>
          </cell>
          <cell r="D142" t="str">
            <v>オオサカシミナトクシャカイフクシキョウギカイ</v>
          </cell>
          <cell r="E142" t="str">
            <v>社会福祉法人</v>
          </cell>
          <cell r="F142" t="str">
            <v>(福)</v>
          </cell>
          <cell r="G142" t="str">
            <v>大阪市港区社会福祉協議会</v>
          </cell>
        </row>
        <row r="143">
          <cell r="C143" t="str">
            <v>社会福祉法人　大阪市大正区社会福祉協議会</v>
          </cell>
          <cell r="D143" t="str">
            <v>オオサカシタイショウクシャカイフクシキョウギカイ</v>
          </cell>
          <cell r="E143" t="str">
            <v>社会福祉法人</v>
          </cell>
          <cell r="F143" t="str">
            <v>(福)</v>
          </cell>
          <cell r="G143" t="str">
            <v>大阪市大正区社会福祉協議会</v>
          </cell>
        </row>
        <row r="144">
          <cell r="C144" t="str">
            <v>社会福祉法人　大阪市天王寺区社会福祉協議会</v>
          </cell>
          <cell r="D144" t="str">
            <v>オオサカシテンノウジクシャカイフクシキョウギカイ</v>
          </cell>
          <cell r="E144" t="str">
            <v>社会福祉法人</v>
          </cell>
          <cell r="F144" t="str">
            <v>(福)</v>
          </cell>
          <cell r="G144" t="str">
            <v>大阪市天王寺区社会福祉協議会</v>
          </cell>
        </row>
        <row r="145">
          <cell r="C145" t="str">
            <v>社会福祉法人　大阪市浪速区社会福祉協議会</v>
          </cell>
          <cell r="D145" t="str">
            <v>オオサカシナニワクシャカイフクシキョウギカイ</v>
          </cell>
          <cell r="E145" t="str">
            <v>社会福祉法人</v>
          </cell>
          <cell r="F145" t="str">
            <v>(福)</v>
          </cell>
          <cell r="G145" t="str">
            <v>大阪市浪速区社会福祉協議会</v>
          </cell>
        </row>
        <row r="146">
          <cell r="C146" t="str">
            <v>社会福祉法人　大阪市西淀川区社会福祉協議会</v>
          </cell>
          <cell r="D146" t="str">
            <v>オオサカシニシヨドガワクシャカイフクシキョウギカイ</v>
          </cell>
          <cell r="E146" t="str">
            <v>社会福祉法人</v>
          </cell>
          <cell r="F146" t="str">
            <v>(福)</v>
          </cell>
          <cell r="G146" t="str">
            <v>大阪市西淀川区社会福祉協議会</v>
          </cell>
        </row>
        <row r="147">
          <cell r="C147" t="str">
            <v>社会福祉法人　大阪市淀川区社会福祉協議会</v>
          </cell>
          <cell r="D147" t="str">
            <v>オオサカシヨドガワクシャカイフクシキョウギカイ</v>
          </cell>
          <cell r="E147" t="str">
            <v>社会福祉法人</v>
          </cell>
          <cell r="F147" t="str">
            <v>(福)</v>
          </cell>
          <cell r="G147" t="str">
            <v>大阪市淀川区社会福祉協議会</v>
          </cell>
        </row>
        <row r="148">
          <cell r="C148" t="str">
            <v>社会福祉法人　大阪市東淀川区社会福祉協議会</v>
          </cell>
          <cell r="D148" t="str">
            <v>オオサカシヒガシヨドガワクシャカイフクシキョウギカイ</v>
          </cell>
          <cell r="E148" t="str">
            <v>社会福祉法人</v>
          </cell>
          <cell r="F148" t="str">
            <v>(福)</v>
          </cell>
          <cell r="G148" t="str">
            <v>大阪市東淀川区社会福祉協議会</v>
          </cell>
        </row>
        <row r="149">
          <cell r="C149" t="str">
            <v>社会福祉法人　大阪市東成区社会福祉協議会</v>
          </cell>
          <cell r="D149" t="str">
            <v>オオサカシヒガシナリクシャカイフクシキョウギカイ</v>
          </cell>
          <cell r="E149" t="str">
            <v>社会福祉法人</v>
          </cell>
          <cell r="F149" t="str">
            <v>(福)</v>
          </cell>
          <cell r="G149" t="str">
            <v>大阪市東成区社会福祉協議会</v>
          </cell>
        </row>
        <row r="150">
          <cell r="C150" t="str">
            <v>社会福祉法人　大阪市生野区社会福祉協議会</v>
          </cell>
          <cell r="D150" t="str">
            <v>オオサカシイクノクシャカイフクシキョウギカイ</v>
          </cell>
          <cell r="E150" t="str">
            <v>社会福祉法人</v>
          </cell>
          <cell r="F150" t="str">
            <v>(福)</v>
          </cell>
          <cell r="G150" t="str">
            <v>大阪市生野区社会福祉協議会</v>
          </cell>
        </row>
        <row r="151">
          <cell r="C151" t="str">
            <v>社会福祉法人　大阪市旭区社会福祉協議会</v>
          </cell>
          <cell r="D151" t="str">
            <v>オオサカシアサヒクシャカイフクシキョウギカイ</v>
          </cell>
          <cell r="E151" t="str">
            <v>社会福祉法人</v>
          </cell>
          <cell r="F151" t="str">
            <v>(福)</v>
          </cell>
          <cell r="G151" t="str">
            <v>大阪市旭区社会福祉協議会</v>
          </cell>
        </row>
        <row r="152">
          <cell r="C152" t="str">
            <v>社会福祉法人　大阪市城東区社会福祉協議会</v>
          </cell>
          <cell r="D152" t="str">
            <v>オオサカシジョウトウクシャカイフクシキョウギカイ</v>
          </cell>
          <cell r="E152" t="str">
            <v>社会福祉法人</v>
          </cell>
          <cell r="F152" t="str">
            <v>(福)</v>
          </cell>
          <cell r="G152" t="str">
            <v>大阪市城東区社会福祉協議会</v>
          </cell>
        </row>
        <row r="153">
          <cell r="C153" t="str">
            <v>社会福祉法人　大阪市鶴見区社会福祉協議会</v>
          </cell>
          <cell r="D153" t="str">
            <v>オオサカシツルミクシャカイフクシキョウギカイ</v>
          </cell>
          <cell r="E153" t="str">
            <v>社会福祉法人</v>
          </cell>
          <cell r="F153" t="str">
            <v>(福)</v>
          </cell>
          <cell r="G153" t="str">
            <v>大阪市鶴見区社会福祉協議会</v>
          </cell>
        </row>
        <row r="154">
          <cell r="C154" t="str">
            <v>社会福祉法人　大阪市阿倍野区社会福祉協議会</v>
          </cell>
          <cell r="D154" t="str">
            <v>オオサカシアベノクシャカイフクシキョウギカイ</v>
          </cell>
          <cell r="E154" t="str">
            <v>社会福祉法人</v>
          </cell>
          <cell r="F154" t="str">
            <v>(福)</v>
          </cell>
          <cell r="G154" t="str">
            <v>大阪市阿倍野区社会福祉協議会</v>
          </cell>
        </row>
        <row r="155">
          <cell r="C155" t="str">
            <v>社会福祉法人　大阪市住之江区社会福祉協議会</v>
          </cell>
          <cell r="D155" t="str">
            <v>オオサカシスミノエクシャカイフクシキョウギカイ</v>
          </cell>
          <cell r="E155" t="str">
            <v>社会福祉法人</v>
          </cell>
          <cell r="F155" t="str">
            <v>(福)</v>
          </cell>
          <cell r="G155" t="str">
            <v>大阪市住之江区社会福祉協議会</v>
          </cell>
        </row>
        <row r="156">
          <cell r="C156" t="str">
            <v>社会福祉法人　大阪市住吉区社会福祉協議会</v>
          </cell>
          <cell r="D156" t="str">
            <v>オオサカシスミヨシクシャカイフクシキョウギカイ</v>
          </cell>
          <cell r="E156" t="str">
            <v>社会福祉法人</v>
          </cell>
          <cell r="F156" t="str">
            <v>(福)</v>
          </cell>
          <cell r="G156" t="str">
            <v>大阪市住吉区社会福祉協議会</v>
          </cell>
        </row>
        <row r="157">
          <cell r="C157" t="str">
            <v>社会福祉法人　大阪市東住吉区社会福祉協議会</v>
          </cell>
          <cell r="D157" t="str">
            <v>オオサカシヒガシスミヨシクシャカイフクシキョウギカイ</v>
          </cell>
          <cell r="E157" t="str">
            <v>社会福祉法人</v>
          </cell>
          <cell r="F157" t="str">
            <v>(福)</v>
          </cell>
          <cell r="G157" t="str">
            <v>大阪市東住吉区社会福祉協議会</v>
          </cell>
        </row>
        <row r="158">
          <cell r="C158" t="str">
            <v>社会福祉法人　大阪市平野区社会福祉協議会</v>
          </cell>
          <cell r="D158" t="str">
            <v>オオサカシヒラノクシャカイフクシキョウギカイ</v>
          </cell>
          <cell r="E158" t="str">
            <v>社会福祉法人</v>
          </cell>
          <cell r="F158" t="str">
            <v>(福)</v>
          </cell>
          <cell r="G158" t="str">
            <v>大阪市平野区社会福祉協議会</v>
          </cell>
        </row>
        <row r="159">
          <cell r="C159" t="str">
            <v>社会福祉法人　大阪市西成区社会福祉協議会</v>
          </cell>
          <cell r="D159" t="str">
            <v>オオサカシニシナリクシャカイフクシキョウギカイ</v>
          </cell>
          <cell r="E159" t="str">
            <v>社会福祉法人</v>
          </cell>
          <cell r="F159" t="str">
            <v>(福)</v>
          </cell>
          <cell r="G159" t="str">
            <v>大阪市西成区社会福祉協議会</v>
          </cell>
        </row>
        <row r="160">
          <cell r="C160" t="str">
            <v>堂島地下街　株式会社</v>
          </cell>
          <cell r="D160" t="str">
            <v>ドウジマチカガイ</v>
          </cell>
          <cell r="E160" t="str">
            <v>株式会社</v>
          </cell>
          <cell r="G160" t="str">
            <v>堂島地下街</v>
          </cell>
          <cell r="H160" t="str">
            <v>(株)</v>
          </cell>
        </row>
      </sheetData>
      <sheetData sheetId="7"/>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3">
          <cell r="B43" t="str">
            <v>役員</v>
          </cell>
        </row>
        <row r="44">
          <cell r="B44" t="str">
            <v>役員相当</v>
          </cell>
        </row>
      </sheetData>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資料7"/>
      <sheetName val="入力リスト"/>
    </sheetNames>
    <sheetDataSet>
      <sheetData sheetId="0"/>
      <sheetData sheetId="1"/>
      <sheetData sheetId="2"/>
      <sheetData sheetId="3">
        <row r="43">
          <cell r="B43" t="str">
            <v>役員</v>
          </cell>
        </row>
        <row r="44">
          <cell r="B44" t="str">
            <v>役員相当</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入力リスト"/>
    </sheetNames>
    <sheetDataSet>
      <sheetData sheetId="0"/>
      <sheetData sheetId="1"/>
      <sheetData sheetId="2">
        <row r="2">
          <cell r="B2" t="str">
            <v>政策企画室</v>
          </cell>
          <cell r="C2" t="str">
            <v>市民局</v>
          </cell>
          <cell r="D2" t="str">
            <v>契約管財局</v>
          </cell>
          <cell r="E2" t="str">
            <v>計画調整局</v>
          </cell>
          <cell r="F2" t="str">
            <v>健康福祉局</v>
          </cell>
          <cell r="G2" t="str">
            <v>こども青少年局</v>
          </cell>
          <cell r="H2" t="str">
            <v>ゆとりとみどり振興局</v>
          </cell>
          <cell r="I2" t="str">
            <v>経済局</v>
          </cell>
          <cell r="J2" t="str">
            <v>環境局</v>
          </cell>
          <cell r="K2" t="str">
            <v>都市整備局</v>
          </cell>
          <cell r="L2" t="str">
            <v>建設局</v>
          </cell>
          <cell r="M2" t="str">
            <v>港湾局</v>
          </cell>
          <cell r="N2" t="str">
            <v>消防局</v>
          </cell>
          <cell r="O2" t="str">
            <v>交通局</v>
          </cell>
          <cell r="P2" t="str">
            <v>水道局</v>
          </cell>
          <cell r="Q2" t="str">
            <v>教育委員会事務局</v>
          </cell>
        </row>
        <row r="42">
          <cell r="G42" t="str">
            <v>本市</v>
          </cell>
          <cell r="H42" t="str">
            <v>公立大学法人大阪市立大学</v>
          </cell>
          <cell r="I42" t="str">
            <v>国・他自治体</v>
          </cell>
          <cell r="J42" t="str">
            <v>他の外郭団体等</v>
          </cell>
          <cell r="K42" t="str">
            <v>民間</v>
          </cell>
          <cell r="L42" t="str">
            <v>団体固有</v>
          </cell>
          <cell r="M42" t="str">
            <v>その他</v>
          </cell>
        </row>
        <row r="43">
          <cell r="B43" t="str">
            <v>役員</v>
          </cell>
          <cell r="D43" t="str">
            <v>常勤</v>
          </cell>
          <cell r="O43" t="str">
            <v>有</v>
          </cell>
        </row>
        <row r="44">
          <cell r="B44" t="str">
            <v>役員相当</v>
          </cell>
          <cell r="D44" t="str">
            <v>非常勤</v>
          </cell>
          <cell r="O44" t="str">
            <v>無</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 val="25年度役員情報元データ"/>
    </sheetNames>
    <sheetDataSet>
      <sheetData sheetId="0" refreshError="1"/>
      <sheetData sheetId="1" refreshError="1"/>
      <sheetData sheetId="2" refreshError="1"/>
      <sheetData sheetId="3" refreshError="1"/>
      <sheetData sheetId="4">
        <row r="21">
          <cell r="D21" t="str">
            <v>常勤</v>
          </cell>
        </row>
        <row r="22">
          <cell r="D22" t="str">
            <v>非常勤</v>
          </cell>
        </row>
      </sheetData>
      <sheetData sheetId="5"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入力リスト"/>
    </sheetNames>
    <sheetDataSet>
      <sheetData sheetId="0"/>
      <sheetData sheetId="1"/>
      <sheetData sheetId="2">
        <row r="42">
          <cell r="G42" t="str">
            <v>本市</v>
          </cell>
          <cell r="H42" t="str">
            <v>公立大学法人大阪市立大学</v>
          </cell>
          <cell r="I42" t="str">
            <v>国・他自治体</v>
          </cell>
          <cell r="J42" t="str">
            <v>他の外郭団体等</v>
          </cell>
          <cell r="K42" t="str">
            <v>民間</v>
          </cell>
          <cell r="L42" t="str">
            <v>団体固有</v>
          </cell>
          <cell r="M42" t="str">
            <v>その他</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3">
          <cell r="B43" t="str">
            <v>役員</v>
          </cell>
          <cell r="D43" t="str">
            <v>常勤</v>
          </cell>
        </row>
        <row r="44">
          <cell r="B44" t="str">
            <v>役員相当</v>
          </cell>
          <cell r="D44" t="str">
            <v>非常勤</v>
          </cell>
        </row>
      </sheetData>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2">
          <cell r="G42" t="str">
            <v>本市</v>
          </cell>
          <cell r="H42" t="str">
            <v>公立大学法人大阪市立大学</v>
          </cell>
          <cell r="I42" t="str">
            <v>国・他自治体</v>
          </cell>
          <cell r="J42" t="str">
            <v>他の外郭団体等</v>
          </cell>
          <cell r="K42" t="str">
            <v>民間</v>
          </cell>
          <cell r="L42" t="str">
            <v>団体固有</v>
          </cell>
          <cell r="M42" t="str">
            <v>その他</v>
          </cell>
        </row>
      </sheetData>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refreshError="1"/>
      <sheetData sheetId="2"/>
      <sheetData sheetId="3" refreshError="1"/>
      <sheetData sheetId="4">
        <row r="2">
          <cell r="B2" t="str">
            <v>経済戦略局</v>
          </cell>
        </row>
        <row r="30">
          <cell r="N30" t="str">
            <v>○</v>
          </cell>
        </row>
        <row r="31">
          <cell r="N31" t="str">
            <v>－</v>
          </cell>
        </row>
      </sheetData>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21">
          <cell r="B21" t="str">
            <v>役員</v>
          </cell>
          <cell r="O21" t="str">
            <v>有</v>
          </cell>
        </row>
        <row r="22">
          <cell r="O22" t="str">
            <v>無</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入力リスト"/>
    </sheetNames>
    <sheetDataSet>
      <sheetData sheetId="0"/>
      <sheetData sheetId="1"/>
      <sheetData sheetId="2">
        <row r="43">
          <cell r="O43" t="str">
            <v>有</v>
          </cell>
        </row>
        <row r="44">
          <cell r="O44" t="str">
            <v>無</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E17"/>
  <sheetViews>
    <sheetView tabSelected="1" view="pageBreakPreview" zoomScaleNormal="115" zoomScaleSheetLayoutView="100" workbookViewId="0">
      <selection activeCell="C10" sqref="C10"/>
    </sheetView>
  </sheetViews>
  <sheetFormatPr defaultColWidth="9" defaultRowHeight="18.75" customHeight="1" x14ac:dyDescent="0.25"/>
  <cols>
    <col min="1" max="1" width="3.90625" style="3" customWidth="1"/>
    <col min="2" max="2" width="23.7265625" style="4" customWidth="1"/>
    <col min="3" max="3" width="25.54296875" style="4" customWidth="1"/>
    <col min="4" max="4" width="25.54296875" style="2" customWidth="1"/>
    <col min="5" max="5" width="10.453125" style="2" customWidth="1"/>
    <col min="6" max="16384" width="9" style="2"/>
  </cols>
  <sheetData>
    <row r="1" spans="1:5" ht="20" customHeight="1" x14ac:dyDescent="0.25">
      <c r="A1" s="31" t="s">
        <v>26</v>
      </c>
      <c r="B1" s="31"/>
      <c r="C1" s="31"/>
      <c r="D1" s="31"/>
      <c r="E1" s="31"/>
    </row>
    <row r="2" spans="1:5" ht="12" customHeight="1" x14ac:dyDescent="0.25">
      <c r="A2" s="13"/>
      <c r="B2" s="13"/>
      <c r="C2" s="13"/>
      <c r="D2" s="13"/>
      <c r="E2" s="13"/>
    </row>
    <row r="3" spans="1:5" s="1" customFormat="1" ht="26" customHeight="1" x14ac:dyDescent="0.2">
      <c r="A3" s="5" t="s">
        <v>7</v>
      </c>
      <c r="B3" s="6" t="s">
        <v>8</v>
      </c>
      <c r="C3" s="7" t="s">
        <v>19</v>
      </c>
      <c r="D3" s="8" t="s">
        <v>20</v>
      </c>
      <c r="E3" s="8" t="s">
        <v>40</v>
      </c>
    </row>
    <row r="4" spans="1:5" ht="27.5" customHeight="1" x14ac:dyDescent="0.25">
      <c r="A4" s="9">
        <v>1</v>
      </c>
      <c r="B4" s="10" t="s">
        <v>9</v>
      </c>
      <c r="C4" s="22" t="s">
        <v>10</v>
      </c>
      <c r="D4" s="23" t="s">
        <v>27</v>
      </c>
      <c r="E4" s="24"/>
    </row>
    <row r="5" spans="1:5" ht="27.5" customHeight="1" x14ac:dyDescent="0.25">
      <c r="A5" s="9">
        <v>2</v>
      </c>
      <c r="B5" s="21" t="s">
        <v>16</v>
      </c>
      <c r="C5" s="22" t="s">
        <v>0</v>
      </c>
      <c r="D5" s="23" t="s">
        <v>33</v>
      </c>
      <c r="E5" s="24"/>
    </row>
    <row r="6" spans="1:5" ht="27.5" customHeight="1" x14ac:dyDescent="0.25">
      <c r="A6" s="9">
        <v>3</v>
      </c>
      <c r="B6" s="10" t="s">
        <v>1</v>
      </c>
      <c r="C6" s="22" t="s">
        <v>2</v>
      </c>
      <c r="D6" s="23" t="s">
        <v>28</v>
      </c>
      <c r="E6" s="24"/>
    </row>
    <row r="7" spans="1:5" ht="27.5" customHeight="1" x14ac:dyDescent="0.25">
      <c r="A7" s="9">
        <v>4</v>
      </c>
      <c r="B7" s="28" t="s">
        <v>37</v>
      </c>
      <c r="C7" s="22" t="s">
        <v>38</v>
      </c>
      <c r="D7" s="23" t="s">
        <v>39</v>
      </c>
      <c r="E7" s="24" t="s">
        <v>36</v>
      </c>
    </row>
    <row r="8" spans="1:5" ht="27.5" customHeight="1" x14ac:dyDescent="0.25">
      <c r="A8" s="9">
        <v>5</v>
      </c>
      <c r="B8" s="11" t="s">
        <v>17</v>
      </c>
      <c r="C8" s="22" t="s">
        <v>3</v>
      </c>
      <c r="D8" s="23" t="s">
        <v>29</v>
      </c>
      <c r="E8" s="24"/>
    </row>
    <row r="9" spans="1:5" ht="27.5" customHeight="1" x14ac:dyDescent="0.25">
      <c r="A9" s="9">
        <v>6</v>
      </c>
      <c r="B9" s="11" t="s">
        <v>11</v>
      </c>
      <c r="C9" s="22" t="s">
        <v>43</v>
      </c>
      <c r="D9" s="23" t="s">
        <v>21</v>
      </c>
      <c r="E9" s="24" t="s">
        <v>36</v>
      </c>
    </row>
    <row r="10" spans="1:5" ht="27.5" customHeight="1" x14ac:dyDescent="0.25">
      <c r="A10" s="9">
        <v>7</v>
      </c>
      <c r="B10" s="27" t="s">
        <v>12</v>
      </c>
      <c r="C10" s="22" t="s">
        <v>18</v>
      </c>
      <c r="D10" s="23" t="s">
        <v>31</v>
      </c>
      <c r="E10" s="24"/>
    </row>
    <row r="11" spans="1:5" ht="27.5" customHeight="1" x14ac:dyDescent="0.25">
      <c r="A11" s="9">
        <v>8</v>
      </c>
      <c r="B11" s="11" t="s">
        <v>13</v>
      </c>
      <c r="C11" s="22" t="s">
        <v>30</v>
      </c>
      <c r="D11" s="23" t="s">
        <v>31</v>
      </c>
      <c r="E11" s="24" t="s">
        <v>36</v>
      </c>
    </row>
    <row r="12" spans="1:5" ht="27.5" customHeight="1" x14ac:dyDescent="0.25">
      <c r="A12" s="9">
        <v>9</v>
      </c>
      <c r="B12" s="11" t="s">
        <v>14</v>
      </c>
      <c r="C12" s="22" t="s">
        <v>4</v>
      </c>
      <c r="D12" s="23" t="s">
        <v>41</v>
      </c>
      <c r="E12" s="24"/>
    </row>
    <row r="13" spans="1:5" ht="27.5" customHeight="1" x14ac:dyDescent="0.25">
      <c r="A13" s="9">
        <v>10</v>
      </c>
      <c r="B13" s="15" t="s">
        <v>5</v>
      </c>
      <c r="C13" s="22" t="s">
        <v>6</v>
      </c>
      <c r="D13" s="25" t="s">
        <v>34</v>
      </c>
      <c r="E13" s="24" t="s">
        <v>36</v>
      </c>
    </row>
    <row r="14" spans="1:5" ht="27.5" customHeight="1" x14ac:dyDescent="0.25">
      <c r="A14" s="9">
        <v>11</v>
      </c>
      <c r="B14" s="12" t="s">
        <v>15</v>
      </c>
      <c r="C14" s="22" t="s">
        <v>35</v>
      </c>
      <c r="D14" s="26" t="s">
        <v>32</v>
      </c>
      <c r="E14" s="24"/>
    </row>
    <row r="15" spans="1:5" ht="16" customHeight="1" x14ac:dyDescent="0.25">
      <c r="A15" s="16"/>
      <c r="B15" s="17"/>
      <c r="C15" s="18"/>
      <c r="D15" s="19"/>
      <c r="E15" s="20" t="s">
        <v>42</v>
      </c>
    </row>
    <row r="16" spans="1:5" ht="25.5" customHeight="1" x14ac:dyDescent="0.25">
      <c r="A16" s="14" t="s">
        <v>22</v>
      </c>
      <c r="B16" s="29" t="s">
        <v>23</v>
      </c>
      <c r="C16" s="29"/>
      <c r="D16" s="29"/>
      <c r="E16" s="29"/>
    </row>
    <row r="17" spans="1:5" ht="25.5" customHeight="1" x14ac:dyDescent="0.25">
      <c r="A17" s="14" t="s">
        <v>24</v>
      </c>
      <c r="B17" s="30" t="s">
        <v>25</v>
      </c>
      <c r="C17" s="30"/>
      <c r="D17" s="30"/>
      <c r="E17" s="30"/>
    </row>
  </sheetData>
  <mergeCells count="3">
    <mergeCell ref="B16:E16"/>
    <mergeCell ref="B17:E17"/>
    <mergeCell ref="A1:E1"/>
  </mergeCells>
  <phoneticPr fontId="3"/>
  <printOptions horizontalCentered="1"/>
  <pageMargins left="0.59055118110236227" right="0.59055118110236227" top="0.78740157480314965" bottom="0.7480314960629921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外郭</vt:lpstr>
      <vt:lpstr>外郭!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06-09-16T00:00:00Z</dcterms:created>
  <dcterms:modified xsi:type="dcterms:W3CDTF">2025-11-07T05:34:23Z</dcterms:modified>
</cp:coreProperties>
</file>